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85\group\01_保険者指導グループ\14 統計\02 事業状況\R03年度分\☆HP原稿\02_項目別（統計以降）（Excel）\02_指標\"/>
    </mc:Choice>
  </mc:AlternateContent>
  <bookViews>
    <workbookView xWindow="0" yWindow="0" windowWidth="19200" windowHeight="7200"/>
  </bookViews>
  <sheets>
    <sheet name="給付 (1)～(4)" sheetId="1" r:id="rId1"/>
    <sheet name="給付（５）" sheetId="2" r:id="rId2"/>
    <sheet name="給付（６）" sheetId="3" r:id="rId3"/>
    <sheet name="給付（７）" sheetId="4" r:id="rId4"/>
    <sheet name="給付（８）" sheetId="5" r:id="rId5"/>
    <sheet name="給付（９）" sheetId="6" r:id="rId6"/>
  </sheets>
  <definedNames>
    <definedName name="_Fill" localSheetId="1" hidden="1">#REF!</definedName>
    <definedName name="_Fill" localSheetId="2" hidden="1">#REF!</definedName>
    <definedName name="_Fill" localSheetId="3" hidden="1">#REF!</definedName>
    <definedName name="_Fill" localSheetId="4" hidden="1">#REF!</definedName>
    <definedName name="_Fill" localSheetId="5" hidden="1">#REF!</definedName>
    <definedName name="_Fill" hidden="1">#REF!</definedName>
    <definedName name="_Key1" localSheetId="0" hidden="1">#REF!</definedName>
    <definedName name="_Key1" localSheetId="1" hidden="1">#REF!</definedName>
    <definedName name="_Key1" localSheetId="2" hidden="1">#REF!</definedName>
    <definedName name="_Key1" localSheetId="3" hidden="1">#REF!</definedName>
    <definedName name="_Key1" localSheetId="4" hidden="1">#REF!</definedName>
    <definedName name="_Key1" localSheetId="5" hidden="1">#REF!</definedName>
    <definedName name="_Key1" hidden="1">#REF!</definedName>
    <definedName name="_Order1" hidden="1">0</definedName>
    <definedName name="\a" localSheetId="1">#REF!</definedName>
    <definedName name="\a" localSheetId="2">#REF!</definedName>
    <definedName name="\a" localSheetId="3">#REF!</definedName>
    <definedName name="\a" localSheetId="4">#REF!</definedName>
    <definedName name="\a" localSheetId="5">#REF!</definedName>
    <definedName name="\a">#REF!</definedName>
    <definedName name="\b" localSheetId="0">#REF!</definedName>
    <definedName name="\b" localSheetId="1">#REF!</definedName>
    <definedName name="\b" localSheetId="2">#REF!</definedName>
    <definedName name="\b" localSheetId="3">#REF!</definedName>
    <definedName name="\b" localSheetId="4">#REF!</definedName>
    <definedName name="\b" localSheetId="5">#REF!</definedName>
    <definedName name="\b">#REF!</definedName>
    <definedName name="_xlnm.Print_Area" localSheetId="0">'給付 (1)～(4)'!$A$1:$AJ$198</definedName>
    <definedName name="_xlnm.Print_Area" localSheetId="1">'給付（５）'!$A$1:$Q$51</definedName>
    <definedName name="_xlnm.Print_Area" localSheetId="2">'給付（６）'!$A$1:$Q$51</definedName>
    <definedName name="_xlnm.Print_Area" localSheetId="3">'給付（７）'!$A$1:$Q$51</definedName>
    <definedName name="_xlnm.Print_Area" localSheetId="4">'給付（８）'!$A$1:$Q$47</definedName>
    <definedName name="_xlnm.Print_Area" localSheetId="5">'給付（９）'!$A$1:$W$48</definedName>
    <definedName name="年齢階層" hidden="1">#REF!</definedName>
    <definedName name="年齢階層２">#REF!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708" uniqueCount="191">
  <si>
    <t>県       平       均</t>
    <phoneticPr fontId="0"/>
  </si>
  <si>
    <t>組  合  平  均</t>
    <phoneticPr fontId="0"/>
  </si>
  <si>
    <t>組  合  平  均</t>
    <phoneticPr fontId="0"/>
  </si>
  <si>
    <t>市町村平均</t>
  </si>
  <si>
    <t>町村部平均</t>
  </si>
  <si>
    <t>市  部  平  均</t>
    <phoneticPr fontId="0"/>
  </si>
  <si>
    <t>市  部  平  均</t>
    <phoneticPr fontId="0"/>
  </si>
  <si>
    <t xml:space="preserve"> 建設連合</t>
    <phoneticPr fontId="0"/>
  </si>
  <si>
    <t xml:space="preserve"> 建設業</t>
    <phoneticPr fontId="0"/>
  </si>
  <si>
    <t xml:space="preserve"> 薬剤師</t>
    <phoneticPr fontId="0"/>
  </si>
  <si>
    <t xml:space="preserve"> 薬剤師</t>
    <phoneticPr fontId="0"/>
  </si>
  <si>
    <t xml:space="preserve"> 食品衛生</t>
    <phoneticPr fontId="0"/>
  </si>
  <si>
    <t xml:space="preserve"> 歯科医師</t>
    <phoneticPr fontId="0"/>
  </si>
  <si>
    <t xml:space="preserve"> 歯科医師</t>
    <phoneticPr fontId="0"/>
  </si>
  <si>
    <t xml:space="preserve"> 医　師</t>
    <phoneticPr fontId="0"/>
  </si>
  <si>
    <t xml:space="preserve"> 清川村</t>
  </si>
  <si>
    <t xml:space="preserve"> 愛川町</t>
  </si>
  <si>
    <t xml:space="preserve"> 湯河原町</t>
  </si>
  <si>
    <t xml:space="preserve"> 真鶴町</t>
  </si>
  <si>
    <t xml:space="preserve"> 箱根町</t>
  </si>
  <si>
    <t xml:space="preserve"> 開成町</t>
  </si>
  <si>
    <t xml:space="preserve"> 山北町</t>
  </si>
  <si>
    <t xml:space="preserve"> 松田町</t>
  </si>
  <si>
    <t xml:space="preserve"> 大井町</t>
  </si>
  <si>
    <t xml:space="preserve"> 中井町</t>
  </si>
  <si>
    <t xml:space="preserve"> 二宮町</t>
  </si>
  <si>
    <t xml:space="preserve"> 大磯町</t>
  </si>
  <si>
    <t xml:space="preserve"> 綾瀬市</t>
  </si>
  <si>
    <t xml:space="preserve"> 寒川町</t>
  </si>
  <si>
    <t xml:space="preserve"> 葉山町</t>
  </si>
  <si>
    <t xml:space="preserve"> 南足柄市</t>
  </si>
  <si>
    <t xml:space="preserve"> 座間市</t>
  </si>
  <si>
    <t xml:space="preserve"> 海老名市</t>
  </si>
  <si>
    <t xml:space="preserve"> 伊勢原市</t>
  </si>
  <si>
    <t xml:space="preserve"> 大和市</t>
  </si>
  <si>
    <t xml:space="preserve"> 厚木市</t>
  </si>
  <si>
    <t xml:space="preserve"> 秦野市</t>
  </si>
  <si>
    <t xml:space="preserve"> 三浦市</t>
  </si>
  <si>
    <t xml:space="preserve"> 相模原市</t>
  </si>
  <si>
    <t xml:space="preserve"> 逗子市</t>
  </si>
  <si>
    <t xml:space="preserve"> 茅ヶ崎市</t>
  </si>
  <si>
    <t xml:space="preserve"> 小田原市</t>
  </si>
  <si>
    <t xml:space="preserve"> 藤沢市</t>
  </si>
  <si>
    <t xml:space="preserve"> 鎌倉市</t>
  </si>
  <si>
    <t xml:space="preserve"> 平塚市</t>
  </si>
  <si>
    <t xml:space="preserve"> 横須賀市</t>
  </si>
  <si>
    <t xml:space="preserve"> 川崎市</t>
  </si>
  <si>
    <t xml:space="preserve"> 横浜市</t>
  </si>
  <si>
    <t>順位</t>
  </si>
  <si>
    <t>件</t>
  </si>
  <si>
    <t>被保険者全体</t>
  </si>
  <si>
    <t>前期高齢者</t>
    <rPh sb="0" eb="2">
      <t>ゼンキ</t>
    </rPh>
    <rPh sb="2" eb="5">
      <t>コウレイシャ</t>
    </rPh>
    <phoneticPr fontId="0"/>
  </si>
  <si>
    <t>退職者</t>
    <rPh sb="0" eb="3">
      <t>タイショクシャ</t>
    </rPh>
    <phoneticPr fontId="0"/>
  </si>
  <si>
    <t>一般</t>
    <rPh sb="0" eb="2">
      <t>イッパン</t>
    </rPh>
    <phoneticPr fontId="0"/>
  </si>
  <si>
    <t>退職者</t>
    <rPh sb="0" eb="2">
      <t>タイショク</t>
    </rPh>
    <rPh sb="2" eb="3">
      <t>シャ</t>
    </rPh>
    <phoneticPr fontId="0"/>
  </si>
  <si>
    <t>総      計</t>
    <phoneticPr fontId="0"/>
  </si>
  <si>
    <t>歯      科</t>
    <rPh sb="0" eb="1">
      <t>ハ</t>
    </rPh>
    <rPh sb="7" eb="8">
      <t>カ</t>
    </rPh>
    <phoneticPr fontId="0"/>
  </si>
  <si>
    <t>保険者名</t>
  </si>
  <si>
    <t>入院外</t>
    <rPh sb="0" eb="2">
      <t>ニュウイン</t>
    </rPh>
    <rPh sb="2" eb="3">
      <t>ガイ</t>
    </rPh>
    <phoneticPr fontId="0"/>
  </si>
  <si>
    <t>入      院</t>
    <rPh sb="0" eb="1">
      <t>イリ</t>
    </rPh>
    <rPh sb="7" eb="8">
      <t>イン</t>
    </rPh>
    <phoneticPr fontId="0"/>
  </si>
  <si>
    <r>
      <t>３</t>
    </r>
    <r>
      <rPr>
        <sz val="11"/>
        <rFont val="ＭＳ Ｐゴシック"/>
        <family val="3"/>
        <charset val="128"/>
      </rPr>
      <t>.　</t>
    </r>
    <r>
      <rPr>
        <sz val="11"/>
        <rFont val="ＭＳ Ｐゴシック"/>
        <family val="3"/>
        <charset val="128"/>
      </rPr>
      <t>給付（４）　１００人当たり受診件数の状況(</t>
    </r>
    <r>
      <rPr>
        <sz val="11"/>
        <rFont val="ＭＳ Ｐゴシック"/>
        <family val="3"/>
        <charset val="128"/>
      </rPr>
      <t>2)</t>
    </r>
    <phoneticPr fontId="0"/>
  </si>
  <si>
    <t>３.　給付（４）　１００人当たり受診件数の状況(1)</t>
    <phoneticPr fontId="3"/>
  </si>
  <si>
    <t>県       平       均</t>
    <phoneticPr fontId="0"/>
  </si>
  <si>
    <t>県       平       均</t>
    <phoneticPr fontId="0"/>
  </si>
  <si>
    <t>組  合  平  均</t>
    <phoneticPr fontId="0"/>
  </si>
  <si>
    <t>市  部  平  均</t>
    <phoneticPr fontId="0"/>
  </si>
  <si>
    <t xml:space="preserve"> 建設連合</t>
    <phoneticPr fontId="0"/>
  </si>
  <si>
    <t xml:space="preserve"> 建設連合</t>
    <phoneticPr fontId="0"/>
  </si>
  <si>
    <t xml:space="preserve"> 建設業</t>
    <phoneticPr fontId="0"/>
  </si>
  <si>
    <t xml:space="preserve"> 建設業</t>
    <phoneticPr fontId="0"/>
  </si>
  <si>
    <t xml:space="preserve"> 薬剤師</t>
    <phoneticPr fontId="0"/>
  </si>
  <si>
    <t xml:space="preserve"> 薬剤師</t>
    <phoneticPr fontId="0"/>
  </si>
  <si>
    <t xml:space="preserve"> 食品衛生</t>
    <phoneticPr fontId="0"/>
  </si>
  <si>
    <t xml:space="preserve"> 歯科医師</t>
    <phoneticPr fontId="0"/>
  </si>
  <si>
    <t>日</t>
    <rPh sb="0" eb="1">
      <t>ニチ</t>
    </rPh>
    <phoneticPr fontId="0"/>
  </si>
  <si>
    <t>総      計</t>
    <phoneticPr fontId="0"/>
  </si>
  <si>
    <r>
      <t>３</t>
    </r>
    <r>
      <rPr>
        <sz val="11"/>
        <rFont val="ＭＳ Ｐゴシック"/>
        <family val="3"/>
        <charset val="128"/>
      </rPr>
      <t>.　</t>
    </r>
    <r>
      <rPr>
        <sz val="11"/>
        <rFont val="ＭＳ Ｐゴシック"/>
        <family val="3"/>
        <charset val="128"/>
      </rPr>
      <t>給付（３）　一件当たり日数の状況(</t>
    </r>
    <r>
      <rPr>
        <sz val="11"/>
        <rFont val="ＭＳ Ｐゴシック"/>
        <family val="3"/>
        <charset val="128"/>
      </rPr>
      <t>2)</t>
    </r>
    <phoneticPr fontId="0"/>
  </si>
  <si>
    <t>３.　給付（３）　一件当たり日数の状況(1)</t>
    <phoneticPr fontId="0"/>
  </si>
  <si>
    <t>（注）入院の医療費には食事療養・生活療養、入院外の医療費には調剤の医療費をそれぞれ合算しており、訪問看護は総計のみに計上している。（療養費等は医療費に含まない。)</t>
    <rPh sb="3" eb="5">
      <t>ニュウイン</t>
    </rPh>
    <rPh sb="6" eb="8">
      <t>イリョウ</t>
    </rPh>
    <rPh sb="8" eb="9">
      <t>ヒ</t>
    </rPh>
    <rPh sb="11" eb="13">
      <t>ショクジ</t>
    </rPh>
    <rPh sb="13" eb="15">
      <t>リョウヨウ</t>
    </rPh>
    <rPh sb="16" eb="18">
      <t>セイカツ</t>
    </rPh>
    <rPh sb="18" eb="20">
      <t>リョウヨウ</t>
    </rPh>
    <rPh sb="21" eb="23">
      <t>ニュウイン</t>
    </rPh>
    <rPh sb="23" eb="24">
      <t>ガイ</t>
    </rPh>
    <rPh sb="25" eb="27">
      <t>イリョウ</t>
    </rPh>
    <rPh sb="27" eb="28">
      <t>ヒ</t>
    </rPh>
    <rPh sb="30" eb="32">
      <t>チョウザイ</t>
    </rPh>
    <rPh sb="33" eb="35">
      <t>イリョウ</t>
    </rPh>
    <rPh sb="35" eb="36">
      <t>ヒ</t>
    </rPh>
    <rPh sb="41" eb="43">
      <t>ガッサン</t>
    </rPh>
    <rPh sb="48" eb="50">
      <t>ホウモン</t>
    </rPh>
    <rPh sb="50" eb="52">
      <t>カンゴ</t>
    </rPh>
    <rPh sb="53" eb="55">
      <t>ソウケイ</t>
    </rPh>
    <rPh sb="58" eb="60">
      <t>ケイジョウ</t>
    </rPh>
    <phoneticPr fontId="0"/>
  </si>
  <si>
    <t>－</t>
  </si>
  <si>
    <t>県       平       均</t>
    <phoneticPr fontId="0"/>
  </si>
  <si>
    <t>組  合  平  均</t>
    <phoneticPr fontId="0"/>
  </si>
  <si>
    <t>市  部  平  均</t>
    <phoneticPr fontId="0"/>
  </si>
  <si>
    <t xml:space="preserve"> 建設連合</t>
    <phoneticPr fontId="0"/>
  </si>
  <si>
    <t xml:space="preserve"> 建設業</t>
    <phoneticPr fontId="0"/>
  </si>
  <si>
    <t xml:space="preserve"> 薬剤師</t>
    <phoneticPr fontId="0"/>
  </si>
  <si>
    <t xml:space="preserve"> 食品衛生</t>
    <phoneticPr fontId="0"/>
  </si>
  <si>
    <t xml:space="preserve"> 歯科医師</t>
    <phoneticPr fontId="0"/>
  </si>
  <si>
    <t xml:space="preserve"> 医　師</t>
    <phoneticPr fontId="0"/>
  </si>
  <si>
    <t>円</t>
  </si>
  <si>
    <r>
      <t>３</t>
    </r>
    <r>
      <rPr>
        <sz val="11"/>
        <rFont val="ＭＳ Ｐゴシック"/>
        <family val="3"/>
        <charset val="128"/>
      </rPr>
      <t>.　</t>
    </r>
    <r>
      <rPr>
        <sz val="11"/>
        <rFont val="ＭＳ Ｐゴシック"/>
        <family val="3"/>
        <charset val="128"/>
      </rPr>
      <t>給付（２）　一日当たり医療費の状況(</t>
    </r>
    <r>
      <rPr>
        <sz val="11"/>
        <rFont val="ＭＳ Ｐゴシック"/>
        <family val="3"/>
        <charset val="128"/>
      </rPr>
      <t>2)</t>
    </r>
    <rPh sb="14" eb="15">
      <t>イ</t>
    </rPh>
    <phoneticPr fontId="0"/>
  </si>
  <si>
    <t>３.　給付（２）　一日当たり医療費の状況(1)</t>
    <rPh sb="14" eb="15">
      <t>イ</t>
    </rPh>
    <phoneticPr fontId="0"/>
  </si>
  <si>
    <t>（注）入院の医療費には食事療養・生活療養、入院外の医療費には調剤の医療費をそれぞれ合算しており、訪問看護及び療養費等は総計のみに計上している。</t>
    <rPh sb="1" eb="2">
      <t>チュウ</t>
    </rPh>
    <rPh sb="3" eb="5">
      <t>ニュウイン</t>
    </rPh>
    <rPh sb="6" eb="8">
      <t>イリョウ</t>
    </rPh>
    <rPh sb="8" eb="9">
      <t>ヒ</t>
    </rPh>
    <rPh sb="11" eb="13">
      <t>ショクジ</t>
    </rPh>
    <rPh sb="13" eb="15">
      <t>リョウヨウ</t>
    </rPh>
    <rPh sb="16" eb="18">
      <t>セイカツ</t>
    </rPh>
    <rPh sb="18" eb="20">
      <t>リョウヨウ</t>
    </rPh>
    <rPh sb="21" eb="23">
      <t>ニュウイン</t>
    </rPh>
    <rPh sb="23" eb="24">
      <t>ガイ</t>
    </rPh>
    <rPh sb="25" eb="27">
      <t>イリョウ</t>
    </rPh>
    <rPh sb="27" eb="28">
      <t>ヒ</t>
    </rPh>
    <rPh sb="30" eb="32">
      <t>チョウザイ</t>
    </rPh>
    <rPh sb="33" eb="35">
      <t>イリョウ</t>
    </rPh>
    <rPh sb="35" eb="36">
      <t>ヒ</t>
    </rPh>
    <rPh sb="41" eb="43">
      <t>ガッサン</t>
    </rPh>
    <rPh sb="48" eb="50">
      <t>ホウモン</t>
    </rPh>
    <rPh sb="50" eb="52">
      <t>カンゴ</t>
    </rPh>
    <rPh sb="52" eb="53">
      <t>オヨ</t>
    </rPh>
    <rPh sb="54" eb="58">
      <t>リョウヨウヒトウ</t>
    </rPh>
    <rPh sb="59" eb="61">
      <t>ソウケイ</t>
    </rPh>
    <rPh sb="64" eb="66">
      <t>ケイジョウ</t>
    </rPh>
    <phoneticPr fontId="0"/>
  </si>
  <si>
    <r>
      <t>３</t>
    </r>
    <r>
      <rPr>
        <sz val="11"/>
        <rFont val="ＭＳ Ｐゴシック"/>
        <family val="3"/>
        <charset val="128"/>
      </rPr>
      <t>.　</t>
    </r>
    <r>
      <rPr>
        <sz val="11"/>
        <rFont val="ＭＳ Ｐゴシック"/>
        <family val="3"/>
        <charset val="128"/>
      </rPr>
      <t>給付</t>
    </r>
    <r>
      <rPr>
        <sz val="11"/>
        <rFont val="ＭＳ Ｐゴシック"/>
        <family val="3"/>
        <charset val="128"/>
      </rPr>
      <t>（１）　一人当たり医療費の状況(2)</t>
    </r>
    <rPh sb="3" eb="5">
      <t>キュウフ</t>
    </rPh>
    <rPh sb="14" eb="15">
      <t>イ</t>
    </rPh>
    <phoneticPr fontId="0"/>
  </si>
  <si>
    <t>３.　給付（１）　一人当たり医療費の状況(1)</t>
    <rPh sb="14" eb="15">
      <t>イ</t>
    </rPh>
    <phoneticPr fontId="0"/>
  </si>
  <si>
    <t>県    平    均</t>
    <phoneticPr fontId="8"/>
  </si>
  <si>
    <t>組 合 平 均</t>
    <phoneticPr fontId="8"/>
  </si>
  <si>
    <t xml:space="preserve"> 建設連合</t>
  </si>
  <si>
    <t xml:space="preserve"> 建設業</t>
  </si>
  <si>
    <t xml:space="preserve"> 薬剤師</t>
  </si>
  <si>
    <t xml:space="preserve"> 食品衛生</t>
  </si>
  <si>
    <t xml:space="preserve"> 歯科医師</t>
  </si>
  <si>
    <t xml:space="preserve"> 医師</t>
  </si>
  <si>
    <t xml:space="preserve"> 藤野町</t>
  </si>
  <si>
    <t xml:space="preserve"> 相模湖町</t>
  </si>
  <si>
    <t xml:space="preserve"> 津久井町</t>
  </si>
  <si>
    <t xml:space="preserve"> 城山町</t>
  </si>
  <si>
    <t>位</t>
  </si>
  <si>
    <t>（円）</t>
  </si>
  <si>
    <t>伸率%</t>
  </si>
  <si>
    <t>元→２</t>
    <rPh sb="0" eb="1">
      <t>ガン</t>
    </rPh>
    <phoneticPr fontId="8"/>
  </si>
  <si>
    <t>順</t>
  </si>
  <si>
    <t>費用額</t>
  </si>
  <si>
    <t>30→元</t>
    <rPh sb="3" eb="4">
      <t>ガン</t>
    </rPh>
    <phoneticPr fontId="8"/>
  </si>
  <si>
    <t>29→30</t>
  </si>
  <si>
    <t>28→29</t>
  </si>
  <si>
    <t>元年度</t>
    <rPh sb="0" eb="1">
      <t>ガン</t>
    </rPh>
    <phoneticPr fontId="8"/>
  </si>
  <si>
    <t>30年度</t>
  </si>
  <si>
    <t>29年度</t>
  </si>
  <si>
    <t>県   平   均</t>
    <phoneticPr fontId="8"/>
  </si>
  <si>
    <t>組 合 平 均</t>
    <phoneticPr fontId="8"/>
  </si>
  <si>
    <t>３.給付（６）　一人当たり医療費の推移（一般被保険者分）</t>
    <rPh sb="13" eb="15">
      <t>イリョウ</t>
    </rPh>
    <rPh sb="20" eb="22">
      <t>イッパン</t>
    </rPh>
    <rPh sb="22" eb="26">
      <t>ヒホケンシャ</t>
    </rPh>
    <rPh sb="26" eb="27">
      <t>ブン</t>
    </rPh>
    <phoneticPr fontId="8"/>
  </si>
  <si>
    <t>組 合 平 均</t>
    <phoneticPr fontId="8"/>
  </si>
  <si>
    <t>３.給付（７）　一人当たり医療費の推移（退職者医療分）</t>
    <rPh sb="13" eb="15">
      <t>イリョウ</t>
    </rPh>
    <rPh sb="15" eb="16">
      <t>ヒ</t>
    </rPh>
    <rPh sb="20" eb="23">
      <t>タイショクシャ</t>
    </rPh>
    <rPh sb="23" eb="25">
      <t>イリョウ</t>
    </rPh>
    <rPh sb="25" eb="26">
      <t>ブン</t>
    </rPh>
    <phoneticPr fontId="8"/>
  </si>
  <si>
    <t>県   平   均</t>
    <phoneticPr fontId="8"/>
  </si>
  <si>
    <t>組 合 平 均</t>
    <phoneticPr fontId="8"/>
  </si>
  <si>
    <t>３.給付（８）　一人当たり医療費の推移（前期高齢者分）</t>
    <rPh sb="13" eb="15">
      <t>イリョウ</t>
    </rPh>
    <rPh sb="15" eb="16">
      <t>ヒ</t>
    </rPh>
    <phoneticPr fontId="8"/>
  </si>
  <si>
    <t>-</t>
  </si>
  <si>
    <t>市町村平均</t>
    <phoneticPr fontId="14"/>
  </si>
  <si>
    <t xml:space="preserve"> 建設連合</t>
    <phoneticPr fontId="14"/>
  </si>
  <si>
    <t xml:space="preserve"> 建設業</t>
    <phoneticPr fontId="14"/>
  </si>
  <si>
    <t xml:space="preserve"> 薬剤師</t>
    <phoneticPr fontId="14"/>
  </si>
  <si>
    <t xml:space="preserve"> 食品衛生</t>
    <phoneticPr fontId="14"/>
  </si>
  <si>
    <t xml:space="preserve"> 歯科医師</t>
    <phoneticPr fontId="14"/>
  </si>
  <si>
    <t xml:space="preserve"> 医 師</t>
    <phoneticPr fontId="14"/>
  </si>
  <si>
    <t xml:space="preserve"> 清川村</t>
    <phoneticPr fontId="14"/>
  </si>
  <si>
    <t xml:space="preserve"> 愛川町</t>
    <phoneticPr fontId="14"/>
  </si>
  <si>
    <t xml:space="preserve"> 湯河原町</t>
    <phoneticPr fontId="14"/>
  </si>
  <si>
    <t xml:space="preserve"> 真鶴町</t>
    <phoneticPr fontId="14"/>
  </si>
  <si>
    <t xml:space="preserve"> 箱根町</t>
    <phoneticPr fontId="14"/>
  </si>
  <si>
    <t xml:space="preserve"> 開成町  </t>
    <phoneticPr fontId="14"/>
  </si>
  <si>
    <t xml:space="preserve"> 山北町</t>
    <phoneticPr fontId="14"/>
  </si>
  <si>
    <t xml:space="preserve"> 松田町</t>
    <phoneticPr fontId="14"/>
  </si>
  <si>
    <t xml:space="preserve"> 大井町</t>
    <phoneticPr fontId="14"/>
  </si>
  <si>
    <t xml:space="preserve"> 中井町</t>
    <phoneticPr fontId="14"/>
  </si>
  <si>
    <t xml:space="preserve"> 二宮町</t>
    <phoneticPr fontId="14"/>
  </si>
  <si>
    <t xml:space="preserve"> 大磯町</t>
    <phoneticPr fontId="14"/>
  </si>
  <si>
    <t xml:space="preserve"> 綾瀬市</t>
    <phoneticPr fontId="14"/>
  </si>
  <si>
    <t xml:space="preserve"> 寒川町</t>
    <phoneticPr fontId="14"/>
  </si>
  <si>
    <t xml:space="preserve"> 葉山町</t>
    <phoneticPr fontId="14"/>
  </si>
  <si>
    <t xml:space="preserve"> 南足柄市</t>
    <phoneticPr fontId="14"/>
  </si>
  <si>
    <t xml:space="preserve"> 座間市</t>
    <phoneticPr fontId="14"/>
  </si>
  <si>
    <t xml:space="preserve"> 海老名市</t>
    <phoneticPr fontId="14"/>
  </si>
  <si>
    <t xml:space="preserve"> 伊勢原市</t>
    <phoneticPr fontId="14"/>
  </si>
  <si>
    <t xml:space="preserve"> 大和市</t>
    <phoneticPr fontId="14"/>
  </si>
  <si>
    <t xml:space="preserve"> 厚木市</t>
    <phoneticPr fontId="14"/>
  </si>
  <si>
    <t xml:space="preserve"> 秦野市</t>
    <phoneticPr fontId="14"/>
  </si>
  <si>
    <t xml:space="preserve"> 三浦市</t>
    <phoneticPr fontId="14"/>
  </si>
  <si>
    <t xml:space="preserve"> 相模原市</t>
    <phoneticPr fontId="14"/>
  </si>
  <si>
    <t xml:space="preserve"> 逗子市</t>
    <phoneticPr fontId="14"/>
  </si>
  <si>
    <t xml:space="preserve"> 茅ヶ崎市</t>
    <phoneticPr fontId="14"/>
  </si>
  <si>
    <t xml:space="preserve"> 小田原市</t>
    <phoneticPr fontId="14"/>
  </si>
  <si>
    <t xml:space="preserve"> 藤沢市</t>
    <phoneticPr fontId="14"/>
  </si>
  <si>
    <t xml:space="preserve"> 鎌倉市</t>
    <phoneticPr fontId="14"/>
  </si>
  <si>
    <t xml:space="preserve"> 平塚市</t>
    <phoneticPr fontId="14"/>
  </si>
  <si>
    <t xml:space="preserve"> 横須賀市</t>
    <phoneticPr fontId="14"/>
  </si>
  <si>
    <t xml:space="preserve"> 川崎市</t>
    <phoneticPr fontId="14"/>
  </si>
  <si>
    <t xml:space="preserve"> 横浜市</t>
    <phoneticPr fontId="14"/>
  </si>
  <si>
    <t>委託</t>
  </si>
  <si>
    <t>その他</t>
  </si>
  <si>
    <t>経験者</t>
  </si>
  <si>
    <t>兼任</t>
  </si>
  <si>
    <t>専任</t>
  </si>
  <si>
    <t>増減額</t>
  </si>
  <si>
    <t>(円）</t>
  </si>
  <si>
    <t>効果額</t>
  </si>
  <si>
    <t>外部</t>
  </si>
  <si>
    <t>嘱託職員</t>
  </si>
  <si>
    <t>正職員</t>
  </si>
  <si>
    <t>前年度</t>
  </si>
  <si>
    <t>内  容  点  検  分</t>
    <phoneticPr fontId="14"/>
  </si>
  <si>
    <t>資  格  点  検  分</t>
    <phoneticPr fontId="14"/>
  </si>
  <si>
    <t>事    務    処    理    体    制</t>
    <phoneticPr fontId="14"/>
  </si>
  <si>
    <t>合     計</t>
    <phoneticPr fontId="14"/>
  </si>
  <si>
    <t>第  三  者  求  償  等  返  納  金</t>
    <rPh sb="18" eb="19">
      <t>ヘン</t>
    </rPh>
    <rPh sb="21" eb="22">
      <t>オサム</t>
    </rPh>
    <rPh sb="24" eb="25">
      <t>キン</t>
    </rPh>
    <phoneticPr fontId="14"/>
  </si>
  <si>
    <t>過     誤     調     整     額</t>
    <phoneticPr fontId="14"/>
  </si>
  <si>
    <t>３.給付（９）　診療報酬明細書点検調査結果</t>
    <rPh sb="14" eb="15">
      <t>ショ</t>
    </rPh>
    <phoneticPr fontId="8"/>
  </si>
  <si>
    <t>３.給付（５）　一人当たり医療費の推移（一般被保険者分＋退職者医療分）</t>
    <rPh sb="20" eb="22">
      <t>イッパン</t>
    </rPh>
    <rPh sb="22" eb="26">
      <t>ヒホケンシャ</t>
    </rPh>
    <rPh sb="26" eb="27">
      <t>ブン</t>
    </rPh>
    <rPh sb="28" eb="31">
      <t>タイショクシャ</t>
    </rPh>
    <rPh sb="31" eb="33">
      <t>イリョウ</t>
    </rPh>
    <rPh sb="33" eb="34">
      <t>ブン</t>
    </rPh>
    <phoneticPr fontId="8"/>
  </si>
  <si>
    <t>２年度</t>
  </si>
  <si>
    <t>３年度</t>
  </si>
  <si>
    <t>２→３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4">
    <numFmt numFmtId="176" formatCode="#,##0.000;[Red]\-#,##0.000"/>
    <numFmt numFmtId="177" formatCode="#,##0.00_ "/>
    <numFmt numFmtId="178" formatCode="#,##0_);[Red]\(#,##0\)"/>
    <numFmt numFmtId="179" formatCode="#,##0;[Red]\-#,##0\ "/>
  </numFmts>
  <fonts count="22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8"/>
      <name val="ＭＳ Ｐゴシック"/>
      <family val="3"/>
      <charset val="128"/>
    </font>
    <font>
      <sz val="6"/>
      <name val="ＭＳ Ｐゴシック"/>
      <family val="3"/>
      <charset val="128"/>
    </font>
    <font>
      <sz val="9"/>
      <name val="ＭＳ Ｐゴシック"/>
      <family val="3"/>
      <charset val="128"/>
    </font>
    <font>
      <sz val="9"/>
      <name val="ＭＳ ゴシック"/>
      <family val="3"/>
      <charset val="128"/>
    </font>
    <font>
      <sz val="8"/>
      <color indexed="10"/>
      <name val="ＭＳ Ｐゴシック"/>
      <family val="3"/>
      <charset val="128"/>
    </font>
    <font>
      <sz val="11"/>
      <name val="ＭＳ 明朝"/>
      <family val="1"/>
      <charset val="128"/>
    </font>
    <font>
      <sz val="6"/>
      <name val="ＭＳ Ｐ明朝"/>
      <family val="1"/>
      <charset val="128"/>
    </font>
    <font>
      <sz val="9"/>
      <color rgb="FFFFC000"/>
      <name val="ＭＳ Ｐゴシック"/>
      <family val="3"/>
      <charset val="128"/>
    </font>
    <font>
      <sz val="9"/>
      <color indexed="8"/>
      <name val="ＭＳ Ｐゴシック"/>
      <family val="3"/>
      <charset val="128"/>
    </font>
    <font>
      <sz val="8"/>
      <color indexed="12"/>
      <name val="ＭＳ Ｐゴシック"/>
      <family val="3"/>
      <charset val="128"/>
    </font>
    <font>
      <sz val="9"/>
      <color indexed="10"/>
      <name val="ＭＳ Ｐゴシック"/>
      <family val="3"/>
      <charset val="128"/>
    </font>
    <font>
      <sz val="9"/>
      <color indexed="12"/>
      <name val="ＭＳ Ｐゴシック"/>
      <family val="3"/>
      <charset val="128"/>
    </font>
    <font>
      <sz val="6"/>
      <name val="ＭＳ 明朝"/>
      <family val="1"/>
      <charset val="128"/>
    </font>
    <font>
      <sz val="12"/>
      <name val="ＭＳ Ｐゴシック"/>
      <family val="3"/>
      <charset val="128"/>
    </font>
    <font>
      <sz val="12"/>
      <color indexed="8"/>
      <name val="ＭＳ Ｐゴシック"/>
      <family val="3"/>
      <charset val="128"/>
    </font>
    <font>
      <sz val="10"/>
      <color theme="1"/>
      <name val="ＭＳ Ｐゴシック"/>
      <family val="3"/>
      <charset val="128"/>
    </font>
    <font>
      <sz val="9"/>
      <color indexed="8"/>
      <name val="ＭＳ ゴシック"/>
      <family val="3"/>
      <charset val="128"/>
    </font>
    <font>
      <sz val="8"/>
      <color rgb="FFFF0000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1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07">
    <border>
      <left/>
      <right/>
      <top/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/>
      <top style="double">
        <color indexed="64"/>
      </top>
      <bottom style="medium">
        <color indexed="64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/>
      <top style="double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/>
      <right style="medium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/>
      <top/>
      <bottom style="double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/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double">
        <color indexed="64"/>
      </bottom>
      <diagonal/>
    </border>
    <border>
      <left/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/>
      <top style="double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hair">
        <color indexed="64"/>
      </left>
      <right/>
      <top/>
      <bottom style="medium">
        <color indexed="64"/>
      </bottom>
      <diagonal/>
    </border>
    <border>
      <left/>
      <right style="double">
        <color indexed="64"/>
      </right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/>
      <top style="double">
        <color indexed="64"/>
      </top>
      <bottom style="double">
        <color indexed="64"/>
      </bottom>
      <diagonal/>
    </border>
    <border>
      <left/>
      <right style="double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double">
        <color indexed="64"/>
      </right>
      <top/>
      <bottom/>
      <diagonal/>
    </border>
    <border>
      <left style="thin">
        <color indexed="64"/>
      </left>
      <right/>
      <top style="double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double">
        <color indexed="64"/>
      </left>
      <right/>
      <top style="thin">
        <color indexed="64"/>
      </top>
      <bottom style="double">
        <color indexed="64"/>
      </bottom>
      <diagonal/>
    </border>
    <border>
      <left/>
      <right style="double">
        <color indexed="64"/>
      </right>
      <top/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double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/>
      <right style="double">
        <color indexed="64"/>
      </right>
      <top style="double">
        <color indexed="64"/>
      </top>
      <bottom style="thin">
        <color indexed="64"/>
      </bottom>
      <diagonal/>
    </border>
    <border>
      <left/>
      <right/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double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double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double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double">
        <color indexed="64"/>
      </left>
      <right/>
      <top style="medium">
        <color indexed="64"/>
      </top>
      <bottom/>
      <diagonal/>
    </border>
    <border>
      <left/>
      <right style="double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 style="hair">
        <color indexed="64"/>
      </bottom>
      <diagonal/>
    </border>
    <border>
      <left/>
      <right/>
      <top style="medium">
        <color indexed="64"/>
      </top>
      <bottom style="hair">
        <color indexed="64"/>
      </bottom>
      <diagonal/>
    </border>
    <border>
      <left style="thin">
        <color indexed="64"/>
      </left>
      <right/>
      <top style="medium">
        <color indexed="64"/>
      </top>
      <bottom style="hair">
        <color indexed="64"/>
      </bottom>
      <diagonal/>
    </border>
  </borders>
  <cellStyleXfs count="5">
    <xf numFmtId="0" fontId="0" fillId="0" borderId="0"/>
    <xf numFmtId="38" fontId="1" fillId="0" borderId="0" applyFont="0" applyFill="0" applyBorder="0" applyAlignment="0" applyProtection="0"/>
    <xf numFmtId="38" fontId="7" fillId="0" borderId="0" applyFont="0" applyFill="0" applyBorder="0" applyAlignment="0" applyProtection="0"/>
    <xf numFmtId="0" fontId="7" fillId="0" borderId="0"/>
    <xf numFmtId="0" fontId="7" fillId="0" borderId="0"/>
  </cellStyleXfs>
  <cellXfs count="414">
    <xf numFmtId="0" fontId="0" fillId="0" borderId="0" xfId="0"/>
    <xf numFmtId="0" fontId="2" fillId="0" borderId="0" xfId="0" applyFont="1" applyFill="1" applyAlignment="1"/>
    <xf numFmtId="0" fontId="2" fillId="0" borderId="0" xfId="0" applyFont="1" applyFill="1" applyBorder="1" applyAlignment="1"/>
    <xf numFmtId="0" fontId="4" fillId="0" borderId="0" xfId="0" applyFont="1" applyFill="1" applyBorder="1" applyAlignment="1"/>
    <xf numFmtId="0" fontId="4" fillId="0" borderId="1" xfId="0" applyFont="1" applyFill="1" applyBorder="1" applyAlignment="1"/>
    <xf numFmtId="0" fontId="4" fillId="0" borderId="0" xfId="0" applyFont="1" applyFill="1" applyAlignment="1"/>
    <xf numFmtId="0" fontId="4" fillId="0" borderId="2" xfId="0" applyFont="1" applyFill="1" applyBorder="1" applyAlignment="1">
      <alignment horizontal="center"/>
    </xf>
    <xf numFmtId="176" fontId="4" fillId="0" borderId="3" xfId="1" applyNumberFormat="1" applyFont="1" applyFill="1" applyBorder="1" applyAlignment="1"/>
    <xf numFmtId="0" fontId="4" fillId="0" borderId="3" xfId="0" applyFont="1" applyFill="1" applyBorder="1" applyAlignment="1">
      <alignment horizontal="center"/>
    </xf>
    <xf numFmtId="176" fontId="4" fillId="0" borderId="4" xfId="1" applyNumberFormat="1" applyFont="1" applyFill="1" applyBorder="1" applyAlignment="1"/>
    <xf numFmtId="38" fontId="4" fillId="0" borderId="3" xfId="1" applyFont="1" applyFill="1" applyBorder="1" applyAlignment="1" applyProtection="1">
      <alignment horizontal="center"/>
    </xf>
    <xf numFmtId="176" fontId="4" fillId="0" borderId="5" xfId="1" applyNumberFormat="1" applyFont="1" applyFill="1" applyBorder="1" applyAlignment="1"/>
    <xf numFmtId="38" fontId="4" fillId="0" borderId="2" xfId="1" applyFont="1" applyFill="1" applyBorder="1" applyAlignment="1" applyProtection="1">
      <alignment horizontal="center"/>
    </xf>
    <xf numFmtId="0" fontId="4" fillId="0" borderId="8" xfId="0" applyFont="1" applyFill="1" applyBorder="1" applyAlignment="1">
      <alignment horizontal="center"/>
    </xf>
    <xf numFmtId="176" fontId="4" fillId="0" borderId="9" xfId="1" applyNumberFormat="1" applyFont="1" applyFill="1" applyBorder="1" applyAlignment="1"/>
    <xf numFmtId="0" fontId="4" fillId="0" borderId="9" xfId="0" applyFont="1" applyFill="1" applyBorder="1" applyAlignment="1">
      <alignment horizontal="center"/>
    </xf>
    <xf numFmtId="176" fontId="4" fillId="0" borderId="10" xfId="1" applyNumberFormat="1" applyFont="1" applyFill="1" applyBorder="1" applyAlignment="1"/>
    <xf numFmtId="38" fontId="4" fillId="0" borderId="9" xfId="1" applyFont="1" applyFill="1" applyBorder="1" applyAlignment="1" applyProtection="1">
      <alignment horizontal="center"/>
    </xf>
    <xf numFmtId="38" fontId="4" fillId="0" borderId="8" xfId="1" applyFont="1" applyFill="1" applyBorder="1" applyAlignment="1" applyProtection="1">
      <alignment horizontal="center"/>
    </xf>
    <xf numFmtId="176" fontId="4" fillId="0" borderId="13" xfId="1" applyNumberFormat="1" applyFont="1" applyFill="1" applyBorder="1" applyAlignment="1"/>
    <xf numFmtId="176" fontId="4" fillId="0" borderId="14" xfId="1" applyNumberFormat="1" applyFont="1" applyFill="1" applyBorder="1" applyAlignment="1"/>
    <xf numFmtId="0" fontId="4" fillId="0" borderId="15" xfId="0" applyFont="1" applyFill="1" applyBorder="1" applyAlignment="1"/>
    <xf numFmtId="176" fontId="4" fillId="0" borderId="16" xfId="1" applyNumberFormat="1" applyFont="1" applyFill="1" applyBorder="1" applyAlignment="1"/>
    <xf numFmtId="38" fontId="4" fillId="0" borderId="17" xfId="1" applyFont="1" applyFill="1" applyBorder="1" applyAlignment="1"/>
    <xf numFmtId="38" fontId="4" fillId="0" borderId="10" xfId="1" applyFont="1" applyFill="1" applyBorder="1" applyAlignment="1"/>
    <xf numFmtId="0" fontId="4" fillId="0" borderId="10" xfId="0" applyFont="1" applyFill="1" applyBorder="1" applyAlignment="1">
      <alignment horizontal="center"/>
    </xf>
    <xf numFmtId="38" fontId="4" fillId="0" borderId="18" xfId="1" applyFont="1" applyFill="1" applyBorder="1" applyAlignment="1"/>
    <xf numFmtId="38" fontId="4" fillId="0" borderId="14" xfId="1" applyFont="1" applyFill="1" applyBorder="1" applyAlignment="1" applyProtection="1">
      <alignment horizontal="left"/>
    </xf>
    <xf numFmtId="38" fontId="4" fillId="0" borderId="19" xfId="1" applyFont="1" applyFill="1" applyBorder="1" applyAlignment="1" applyProtection="1"/>
    <xf numFmtId="38" fontId="4" fillId="0" borderId="10" xfId="1" applyFont="1" applyFill="1" applyBorder="1" applyAlignment="1" applyProtection="1">
      <alignment horizontal="center"/>
    </xf>
    <xf numFmtId="38" fontId="5" fillId="0" borderId="14" xfId="1" applyFont="1" applyFill="1" applyBorder="1" applyAlignment="1" applyProtection="1">
      <alignment horizontal="left"/>
    </xf>
    <xf numFmtId="0" fontId="4" fillId="0" borderId="20" xfId="0" applyFont="1" applyFill="1" applyBorder="1" applyAlignment="1"/>
    <xf numFmtId="176" fontId="4" fillId="0" borderId="21" xfId="1" applyNumberFormat="1" applyFont="1" applyFill="1" applyBorder="1" applyAlignment="1"/>
    <xf numFmtId="38" fontId="4" fillId="0" borderId="22" xfId="1" applyFont="1" applyFill="1" applyBorder="1" applyAlignment="1"/>
    <xf numFmtId="38" fontId="4" fillId="0" borderId="21" xfId="1" applyFont="1" applyFill="1" applyBorder="1" applyAlignment="1"/>
    <xf numFmtId="0" fontId="4" fillId="0" borderId="21" xfId="0" applyFont="1" applyFill="1" applyBorder="1" applyAlignment="1">
      <alignment horizontal="center"/>
    </xf>
    <xf numFmtId="38" fontId="4" fillId="0" borderId="23" xfId="1" applyFont="1" applyFill="1" applyBorder="1" applyAlignment="1"/>
    <xf numFmtId="38" fontId="4" fillId="0" borderId="24" xfId="1" applyFont="1" applyFill="1" applyBorder="1" applyAlignment="1" applyProtection="1">
      <alignment horizontal="left"/>
    </xf>
    <xf numFmtId="38" fontId="4" fillId="0" borderId="25" xfId="1" applyFont="1" applyFill="1" applyBorder="1" applyAlignment="1" applyProtection="1"/>
    <xf numFmtId="38" fontId="4" fillId="0" borderId="21" xfId="1" applyFont="1" applyFill="1" applyBorder="1" applyAlignment="1" applyProtection="1">
      <alignment horizontal="center"/>
    </xf>
    <xf numFmtId="38" fontId="5" fillId="0" borderId="24" xfId="1" applyFont="1" applyFill="1" applyBorder="1" applyAlignment="1" applyProtection="1">
      <alignment horizontal="left"/>
    </xf>
    <xf numFmtId="176" fontId="4" fillId="0" borderId="26" xfId="1" applyNumberFormat="1" applyFont="1" applyFill="1" applyBorder="1" applyAlignment="1"/>
    <xf numFmtId="38" fontId="4" fillId="0" borderId="27" xfId="1" applyFont="1" applyFill="1" applyBorder="1" applyAlignment="1"/>
    <xf numFmtId="176" fontId="4" fillId="0" borderId="24" xfId="1" applyNumberFormat="1" applyFont="1" applyFill="1" applyBorder="1" applyAlignment="1"/>
    <xf numFmtId="38" fontId="4" fillId="0" borderId="24" xfId="1" applyFont="1" applyFill="1" applyBorder="1" applyAlignment="1"/>
    <xf numFmtId="0" fontId="4" fillId="0" borderId="24" xfId="0" applyFont="1" applyFill="1" applyBorder="1" applyAlignment="1">
      <alignment horizontal="center"/>
    </xf>
    <xf numFmtId="0" fontId="4" fillId="0" borderId="26" xfId="0" applyFont="1" applyFill="1" applyBorder="1" applyAlignment="1">
      <alignment horizontal="center"/>
    </xf>
    <xf numFmtId="38" fontId="4" fillId="0" borderId="20" xfId="1" applyFont="1" applyFill="1" applyBorder="1" applyAlignment="1"/>
    <xf numFmtId="38" fontId="4" fillId="0" borderId="28" xfId="1" applyFont="1" applyFill="1" applyBorder="1" applyAlignment="1" applyProtection="1"/>
    <xf numFmtId="38" fontId="4" fillId="0" borderId="24" xfId="1" applyFont="1" applyFill="1" applyBorder="1" applyAlignment="1" applyProtection="1">
      <alignment horizontal="center"/>
    </xf>
    <xf numFmtId="38" fontId="4" fillId="0" borderId="26" xfId="1" applyFont="1" applyFill="1" applyBorder="1" applyAlignment="1" applyProtection="1">
      <alignment horizontal="center"/>
    </xf>
    <xf numFmtId="38" fontId="4" fillId="0" borderId="29" xfId="1" applyFont="1" applyFill="1" applyBorder="1" applyAlignment="1" applyProtection="1"/>
    <xf numFmtId="38" fontId="5" fillId="0" borderId="10" xfId="1" applyFont="1" applyFill="1" applyBorder="1" applyAlignment="1"/>
    <xf numFmtId="38" fontId="5" fillId="0" borderId="21" xfId="1" applyFont="1" applyFill="1" applyBorder="1" applyAlignment="1"/>
    <xf numFmtId="0" fontId="4" fillId="0" borderId="23" xfId="0" applyFont="1" applyFill="1" applyBorder="1" applyAlignment="1"/>
    <xf numFmtId="0" fontId="4" fillId="0" borderId="18" xfId="0" applyFont="1" applyFill="1" applyBorder="1" applyAlignment="1">
      <alignment horizontal="center"/>
    </xf>
    <xf numFmtId="0" fontId="4" fillId="0" borderId="30" xfId="0" applyFont="1" applyFill="1" applyBorder="1" applyAlignment="1">
      <alignment horizontal="center"/>
    </xf>
    <xf numFmtId="0" fontId="4" fillId="0" borderId="17" xfId="0" applyFont="1" applyFill="1" applyBorder="1" applyAlignment="1">
      <alignment horizontal="center"/>
    </xf>
    <xf numFmtId="0" fontId="2" fillId="0" borderId="41" xfId="0" applyFont="1" applyFill="1" applyBorder="1" applyAlignment="1">
      <alignment horizontal="centerContinuous"/>
    </xf>
    <xf numFmtId="176" fontId="2" fillId="0" borderId="0" xfId="0" applyNumberFormat="1" applyFont="1" applyFill="1" applyBorder="1" applyAlignment="1">
      <alignment horizontal="centerContinuous"/>
    </xf>
    <xf numFmtId="0" fontId="2" fillId="0" borderId="0" xfId="0" applyFont="1" applyFill="1" applyBorder="1" applyAlignment="1">
      <alignment horizontal="centerContinuous"/>
    </xf>
    <xf numFmtId="0" fontId="1" fillId="0" borderId="0" xfId="0" applyFont="1" applyFill="1" applyBorder="1" applyAlignment="1"/>
    <xf numFmtId="0" fontId="0" fillId="0" borderId="0" xfId="0" applyFill="1" applyBorder="1" applyAlignment="1"/>
    <xf numFmtId="176" fontId="4" fillId="0" borderId="42" xfId="1" applyNumberFormat="1" applyFont="1" applyFill="1" applyBorder="1" applyAlignment="1"/>
    <xf numFmtId="38" fontId="4" fillId="0" borderId="43" xfId="1" applyFont="1" applyFill="1" applyBorder="1" applyAlignment="1" applyProtection="1">
      <alignment horizontal="center"/>
    </xf>
    <xf numFmtId="38" fontId="4" fillId="0" borderId="44" xfId="1" applyFont="1" applyFill="1" applyBorder="1" applyAlignment="1" applyProtection="1"/>
    <xf numFmtId="0" fontId="6" fillId="0" borderId="0" xfId="0" applyFont="1" applyFill="1" applyBorder="1" applyAlignment="1">
      <alignment horizontal="center"/>
    </xf>
    <xf numFmtId="0" fontId="2" fillId="0" borderId="0" xfId="0" applyFont="1" applyFill="1" applyBorder="1" applyAlignment="1">
      <alignment horizontal="center"/>
    </xf>
    <xf numFmtId="38" fontId="4" fillId="0" borderId="3" xfId="1" applyFont="1" applyFill="1" applyBorder="1" applyAlignment="1"/>
    <xf numFmtId="38" fontId="4" fillId="0" borderId="42" xfId="1" applyFont="1" applyFill="1" applyBorder="1" applyAlignment="1"/>
    <xf numFmtId="38" fontId="4" fillId="0" borderId="9" xfId="1" applyFont="1" applyFill="1" applyBorder="1" applyAlignment="1"/>
    <xf numFmtId="38" fontId="4" fillId="0" borderId="13" xfId="1" applyFont="1" applyFill="1" applyBorder="1" applyAlignment="1"/>
    <xf numFmtId="38" fontId="4" fillId="0" borderId="14" xfId="1" applyFont="1" applyFill="1" applyBorder="1" applyAlignment="1"/>
    <xf numFmtId="38" fontId="4" fillId="0" borderId="16" xfId="1" applyFont="1" applyFill="1" applyBorder="1" applyAlignment="1"/>
    <xf numFmtId="38" fontId="4" fillId="0" borderId="26" xfId="1" applyFont="1" applyFill="1" applyBorder="1" applyAlignment="1"/>
    <xf numFmtId="0" fontId="1" fillId="0" borderId="0" xfId="0" applyFont="1" applyFill="1" applyBorder="1" applyAlignment="1">
      <alignment horizontal="left"/>
    </xf>
    <xf numFmtId="0" fontId="0" fillId="0" borderId="0" xfId="0" applyFill="1" applyBorder="1" applyAlignment="1">
      <alignment horizontal="left"/>
    </xf>
    <xf numFmtId="38" fontId="4" fillId="0" borderId="4" xfId="1" applyFont="1" applyFill="1" applyBorder="1" applyAlignment="1"/>
    <xf numFmtId="38" fontId="4" fillId="0" borderId="5" xfId="1" applyFont="1" applyFill="1" applyBorder="1" applyAlignment="1"/>
    <xf numFmtId="0" fontId="4" fillId="0" borderId="43" xfId="0" applyFont="1" applyFill="1" applyBorder="1" applyAlignment="1">
      <alignment horizontal="center"/>
    </xf>
    <xf numFmtId="0" fontId="4" fillId="0" borderId="13" xfId="0" applyFont="1" applyFill="1" applyBorder="1" applyAlignment="1">
      <alignment horizontal="center"/>
    </xf>
    <xf numFmtId="38" fontId="4" fillId="0" borderId="47" xfId="1" applyFont="1" applyFill="1" applyBorder="1" applyAlignment="1"/>
    <xf numFmtId="38" fontId="5" fillId="0" borderId="26" xfId="1" applyFont="1" applyFill="1" applyBorder="1" applyAlignment="1" applyProtection="1">
      <alignment horizontal="left"/>
    </xf>
    <xf numFmtId="38" fontId="4" fillId="0" borderId="48" xfId="1" applyFont="1" applyFill="1" applyBorder="1" applyAlignment="1" applyProtection="1"/>
    <xf numFmtId="38" fontId="4" fillId="0" borderId="49" xfId="1" applyFont="1" applyFill="1" applyBorder="1" applyAlignment="1"/>
    <xf numFmtId="38" fontId="4" fillId="0" borderId="33" xfId="1" applyFont="1" applyFill="1" applyBorder="1" applyAlignment="1"/>
    <xf numFmtId="0" fontId="4" fillId="0" borderId="49" xfId="0" applyFont="1" applyFill="1" applyBorder="1" applyAlignment="1"/>
    <xf numFmtId="0" fontId="4" fillId="0" borderId="50" xfId="0" applyFont="1" applyFill="1" applyBorder="1" applyAlignment="1"/>
    <xf numFmtId="49" fontId="0" fillId="0" borderId="0" xfId="0" applyNumberFormat="1" applyFill="1" applyBorder="1" applyAlignment="1">
      <alignment horizontal="left"/>
    </xf>
    <xf numFmtId="4" fontId="4" fillId="0" borderId="2" xfId="2" applyNumberFormat="1" applyFont="1" applyFill="1" applyBorder="1"/>
    <xf numFmtId="38" fontId="4" fillId="0" borderId="3" xfId="2" applyFont="1" applyFill="1" applyBorder="1" applyAlignment="1">
      <alignment horizontal="right"/>
    </xf>
    <xf numFmtId="38" fontId="4" fillId="0" borderId="3" xfId="2" quotePrefix="1" applyFont="1" applyFill="1" applyBorder="1"/>
    <xf numFmtId="177" fontId="4" fillId="0" borderId="3" xfId="2" applyNumberFormat="1" applyFont="1" applyFill="1" applyBorder="1"/>
    <xf numFmtId="38" fontId="4" fillId="0" borderId="3" xfId="2" applyNumberFormat="1" applyFont="1" applyFill="1" applyBorder="1" applyAlignment="1">
      <alignment horizontal="right"/>
    </xf>
    <xf numFmtId="38" fontId="4" fillId="0" borderId="3" xfId="2" applyNumberFormat="1" applyFont="1" applyFill="1" applyBorder="1"/>
    <xf numFmtId="4" fontId="4" fillId="0" borderId="3" xfId="2" applyNumberFormat="1" applyFont="1" applyFill="1" applyBorder="1"/>
    <xf numFmtId="38" fontId="4" fillId="0" borderId="3" xfId="2" applyFont="1" applyFill="1" applyBorder="1"/>
    <xf numFmtId="40" fontId="4" fillId="0" borderId="3" xfId="2" applyNumberFormat="1" applyFont="1" applyFill="1" applyBorder="1" applyAlignment="1">
      <alignment horizontal="right"/>
    </xf>
    <xf numFmtId="40" fontId="4" fillId="0" borderId="3" xfId="2" applyNumberFormat="1" applyFont="1" applyFill="1" applyBorder="1"/>
    <xf numFmtId="4" fontId="4" fillId="0" borderId="8" xfId="2" applyNumberFormat="1" applyFont="1" applyFill="1" applyBorder="1"/>
    <xf numFmtId="38" fontId="4" fillId="0" borderId="9" xfId="2" applyFont="1" applyFill="1" applyBorder="1" applyAlignment="1">
      <alignment horizontal="right"/>
    </xf>
    <xf numFmtId="38" fontId="4" fillId="0" borderId="9" xfId="2" quotePrefix="1" applyFont="1" applyFill="1" applyBorder="1"/>
    <xf numFmtId="177" fontId="4" fillId="0" borderId="9" xfId="2" applyNumberFormat="1" applyFont="1" applyFill="1" applyBorder="1"/>
    <xf numFmtId="38" fontId="4" fillId="0" borderId="9" xfId="2" applyNumberFormat="1" applyFont="1" applyFill="1" applyBorder="1" applyAlignment="1">
      <alignment horizontal="right"/>
    </xf>
    <xf numFmtId="38" fontId="4" fillId="0" borderId="9" xfId="2" applyNumberFormat="1" applyFont="1" applyFill="1" applyBorder="1"/>
    <xf numFmtId="4" fontId="4" fillId="0" borderId="9" xfId="2" applyNumberFormat="1" applyFont="1" applyFill="1" applyBorder="1"/>
    <xf numFmtId="38" fontId="4" fillId="0" borderId="9" xfId="2" applyFont="1" applyFill="1" applyBorder="1"/>
    <xf numFmtId="40" fontId="4" fillId="0" borderId="9" xfId="2" applyNumberFormat="1" applyFont="1" applyFill="1" applyBorder="1" applyAlignment="1">
      <alignment horizontal="right"/>
    </xf>
    <xf numFmtId="40" fontId="4" fillId="0" borderId="9" xfId="2" applyNumberFormat="1" applyFont="1" applyFill="1" applyBorder="1"/>
    <xf numFmtId="4" fontId="4" fillId="0" borderId="43" xfId="2" applyNumberFormat="1" applyFont="1" applyFill="1" applyBorder="1"/>
    <xf numFmtId="38" fontId="4" fillId="0" borderId="10" xfId="2" applyFont="1" applyFill="1" applyBorder="1"/>
    <xf numFmtId="38" fontId="4" fillId="0" borderId="21" xfId="2" quotePrefix="1" applyFont="1" applyFill="1" applyBorder="1"/>
    <xf numFmtId="177" fontId="4" fillId="0" borderId="10" xfId="2" applyNumberFormat="1" applyFont="1" applyFill="1" applyBorder="1"/>
    <xf numFmtId="38" fontId="4" fillId="0" borderId="10" xfId="2" applyNumberFormat="1" applyFont="1" applyFill="1" applyBorder="1"/>
    <xf numFmtId="4" fontId="4" fillId="0" borderId="10" xfId="2" applyNumberFormat="1" applyFont="1" applyFill="1" applyBorder="1"/>
    <xf numFmtId="38" fontId="5" fillId="0" borderId="10" xfId="2" applyFont="1" applyFill="1" applyBorder="1"/>
    <xf numFmtId="38" fontId="4" fillId="0" borderId="29" xfId="2" applyFont="1" applyFill="1" applyBorder="1"/>
    <xf numFmtId="4" fontId="4" fillId="0" borderId="49" xfId="2" applyNumberFormat="1" applyFont="1" applyFill="1" applyBorder="1"/>
    <xf numFmtId="38" fontId="4" fillId="0" borderId="21" xfId="2" applyFont="1" applyFill="1" applyBorder="1"/>
    <xf numFmtId="177" fontId="4" fillId="0" borderId="21" xfId="2" applyNumberFormat="1" applyFont="1" applyFill="1" applyBorder="1"/>
    <xf numFmtId="38" fontId="4" fillId="0" borderId="21" xfId="2" applyNumberFormat="1" applyFont="1" applyFill="1" applyBorder="1"/>
    <xf numFmtId="4" fontId="4" fillId="0" borderId="21" xfId="2" applyNumberFormat="1" applyFont="1" applyFill="1" applyBorder="1"/>
    <xf numFmtId="38" fontId="5" fillId="0" borderId="21" xfId="2" applyFont="1" applyFill="1" applyBorder="1"/>
    <xf numFmtId="38" fontId="4" fillId="0" borderId="25" xfId="2" applyFont="1" applyFill="1" applyBorder="1"/>
    <xf numFmtId="4" fontId="4" fillId="0" borderId="53" xfId="2" applyNumberFormat="1" applyFont="1" applyFill="1" applyBorder="1"/>
    <xf numFmtId="38" fontId="4" fillId="0" borderId="26" xfId="2" applyFont="1" applyFill="1" applyBorder="1"/>
    <xf numFmtId="38" fontId="4" fillId="0" borderId="26" xfId="2" quotePrefix="1" applyFont="1" applyFill="1" applyBorder="1"/>
    <xf numFmtId="177" fontId="4" fillId="0" borderId="26" xfId="2" applyNumberFormat="1" applyFont="1" applyFill="1" applyBorder="1"/>
    <xf numFmtId="38" fontId="4" fillId="0" borderId="26" xfId="2" applyNumberFormat="1" applyFont="1" applyFill="1" applyBorder="1"/>
    <xf numFmtId="4" fontId="4" fillId="0" borderId="26" xfId="2" applyNumberFormat="1" applyFont="1" applyFill="1" applyBorder="1"/>
    <xf numFmtId="38" fontId="5" fillId="0" borderId="26" xfId="2" applyFont="1" applyFill="1" applyBorder="1"/>
    <xf numFmtId="38" fontId="4" fillId="0" borderId="44" xfId="2" applyFont="1" applyFill="1" applyBorder="1"/>
    <xf numFmtId="38" fontId="4" fillId="0" borderId="9" xfId="2" quotePrefix="1" applyFont="1" applyFill="1" applyBorder="1" applyAlignment="1">
      <alignment horizontal="center"/>
    </xf>
    <xf numFmtId="4" fontId="4" fillId="0" borderId="9" xfId="2" quotePrefix="1" applyNumberFormat="1" applyFont="1" applyFill="1" applyBorder="1" applyAlignment="1">
      <alignment horizontal="center"/>
    </xf>
    <xf numFmtId="40" fontId="4" fillId="0" borderId="9" xfId="2" quotePrefix="1" applyNumberFormat="1" applyFont="1" applyFill="1" applyBorder="1" applyAlignment="1">
      <alignment horizontal="center"/>
    </xf>
    <xf numFmtId="38" fontId="4" fillId="0" borderId="9" xfId="2" quotePrefix="1" applyNumberFormat="1" applyFont="1" applyFill="1" applyBorder="1" applyAlignment="1">
      <alignment horizontal="center"/>
    </xf>
    <xf numFmtId="38" fontId="5" fillId="0" borderId="9" xfId="2" applyFont="1" applyFill="1" applyBorder="1"/>
    <xf numFmtId="38" fontId="4" fillId="0" borderId="52" xfId="2" applyFont="1" applyFill="1" applyBorder="1"/>
    <xf numFmtId="38" fontId="4" fillId="0" borderId="54" xfId="2" applyFont="1" applyFill="1" applyBorder="1"/>
    <xf numFmtId="38" fontId="4" fillId="0" borderId="55" xfId="2" applyFont="1" applyFill="1" applyBorder="1" applyAlignment="1">
      <alignment horizontal="centerContinuous"/>
    </xf>
    <xf numFmtId="38" fontId="10" fillId="0" borderId="24" xfId="2" applyFont="1" applyFill="1" applyBorder="1" applyAlignment="1">
      <alignment horizontal="center"/>
    </xf>
    <xf numFmtId="38" fontId="4" fillId="0" borderId="24" xfId="2" applyFont="1" applyFill="1" applyBorder="1" applyAlignment="1">
      <alignment horizontal="center"/>
    </xf>
    <xf numFmtId="38" fontId="4" fillId="0" borderId="24" xfId="2" applyFont="1" applyFill="1" applyBorder="1" applyAlignment="1">
      <alignment horizontal="centerContinuous"/>
    </xf>
    <xf numFmtId="38" fontId="4" fillId="0" borderId="24" xfId="2" applyFont="1" applyFill="1" applyBorder="1" applyAlignment="1">
      <alignment horizontal="center" vertical="center"/>
    </xf>
    <xf numFmtId="38" fontId="4" fillId="0" borderId="57" xfId="2" quotePrefix="1" applyFont="1" applyFill="1" applyBorder="1" applyAlignment="1">
      <alignment horizontal="center"/>
    </xf>
    <xf numFmtId="38" fontId="10" fillId="0" borderId="16" xfId="2" applyFont="1" applyFill="1" applyBorder="1" applyAlignment="1">
      <alignment horizontal="center"/>
    </xf>
    <xf numFmtId="38" fontId="4" fillId="0" borderId="58" xfId="2" applyFont="1" applyFill="1" applyBorder="1" applyAlignment="1">
      <alignment horizontal="center"/>
    </xf>
    <xf numFmtId="38" fontId="4" fillId="0" borderId="16" xfId="2" quotePrefix="1" applyFont="1" applyFill="1" applyBorder="1" applyAlignment="1">
      <alignment horizontal="center"/>
    </xf>
    <xf numFmtId="38" fontId="4" fillId="0" borderId="16" xfId="2" applyFont="1" applyFill="1" applyBorder="1" applyAlignment="1">
      <alignment horizontal="center"/>
    </xf>
    <xf numFmtId="38" fontId="4" fillId="0" borderId="16" xfId="2" applyFont="1" applyFill="1" applyBorder="1" applyAlignment="1">
      <alignment horizontal="center" vertical="center"/>
    </xf>
    <xf numFmtId="38" fontId="4" fillId="0" borderId="0" xfId="2" applyFont="1" applyFill="1"/>
    <xf numFmtId="49" fontId="1" fillId="0" borderId="0" xfId="2" applyNumberFormat="1" applyFont="1" applyFill="1"/>
    <xf numFmtId="38" fontId="4" fillId="0" borderId="3" xfId="2" applyFont="1" applyFill="1" applyBorder="1" applyAlignment="1">
      <alignment horizontal="center"/>
    </xf>
    <xf numFmtId="38" fontId="4" fillId="0" borderId="9" xfId="2" applyFont="1" applyFill="1" applyBorder="1" applyAlignment="1">
      <alignment horizontal="center"/>
    </xf>
    <xf numFmtId="4" fontId="4" fillId="0" borderId="9" xfId="2" applyNumberFormat="1" applyFont="1" applyFill="1" applyBorder="1" applyAlignment="1">
      <alignment horizontal="center"/>
    </xf>
    <xf numFmtId="38" fontId="4" fillId="0" borderId="9" xfId="2" applyNumberFormat="1" applyFont="1" applyFill="1" applyBorder="1" applyAlignment="1">
      <alignment horizontal="center"/>
    </xf>
    <xf numFmtId="38" fontId="4" fillId="0" borderId="55" xfId="2" applyFont="1" applyFill="1" applyBorder="1" applyAlignment="1">
      <alignment horizontal="center"/>
    </xf>
    <xf numFmtId="38" fontId="4" fillId="0" borderId="27" xfId="2" applyFont="1" applyFill="1" applyBorder="1" applyAlignment="1">
      <alignment horizontal="center"/>
    </xf>
    <xf numFmtId="38" fontId="4" fillId="0" borderId="63" xfId="2" quotePrefix="1" applyFont="1" applyFill="1" applyBorder="1" applyAlignment="1">
      <alignment horizontal="center"/>
    </xf>
    <xf numFmtId="38" fontId="4" fillId="0" borderId="0" xfId="2" quotePrefix="1" applyFont="1" applyFill="1"/>
    <xf numFmtId="40" fontId="4" fillId="0" borderId="2" xfId="2" applyNumberFormat="1" applyFont="1" applyFill="1" applyBorder="1"/>
    <xf numFmtId="178" fontId="4" fillId="0" borderId="3" xfId="2" applyNumberFormat="1" applyFont="1" applyFill="1" applyBorder="1" applyAlignment="1">
      <alignment horizontal="center"/>
    </xf>
    <xf numFmtId="178" fontId="4" fillId="0" borderId="3" xfId="2" applyNumberFormat="1" applyFont="1" applyFill="1" applyBorder="1"/>
    <xf numFmtId="38" fontId="4" fillId="0" borderId="8" xfId="2" applyNumberFormat="1" applyFont="1" applyFill="1" applyBorder="1" applyAlignment="1">
      <alignment horizontal="center"/>
    </xf>
    <xf numFmtId="38" fontId="4" fillId="0" borderId="9" xfId="2" applyFont="1" applyFill="1" applyBorder="1" applyAlignment="1">
      <alignment horizontal="center" wrapText="1"/>
    </xf>
    <xf numFmtId="4" fontId="4" fillId="0" borderId="9" xfId="2" applyNumberFormat="1" applyFont="1" applyFill="1" applyBorder="1" applyAlignment="1">
      <alignment horizontal="center" wrapText="1"/>
    </xf>
    <xf numFmtId="40" fontId="4" fillId="0" borderId="9" xfId="2" applyNumberFormat="1" applyFont="1" applyFill="1" applyBorder="1" applyAlignment="1">
      <alignment horizontal="center" wrapText="1"/>
    </xf>
    <xf numFmtId="178" fontId="4" fillId="0" borderId="9" xfId="2" applyNumberFormat="1" applyFont="1" applyFill="1" applyBorder="1" applyAlignment="1">
      <alignment horizontal="center" wrapText="1"/>
    </xf>
    <xf numFmtId="40" fontId="4" fillId="0" borderId="8" xfId="2" applyNumberFormat="1" applyFont="1" applyFill="1" applyBorder="1"/>
    <xf numFmtId="178" fontId="4" fillId="0" borderId="9" xfId="2" applyNumberFormat="1" applyFont="1" applyFill="1" applyBorder="1" applyAlignment="1">
      <alignment horizontal="center"/>
    </xf>
    <xf numFmtId="178" fontId="4" fillId="0" borderId="9" xfId="2" applyNumberFormat="1" applyFont="1" applyFill="1" applyBorder="1"/>
    <xf numFmtId="38" fontId="4" fillId="0" borderId="43" xfId="2" applyNumberFormat="1" applyFont="1" applyFill="1" applyBorder="1" applyAlignment="1">
      <alignment horizontal="center"/>
    </xf>
    <xf numFmtId="38" fontId="4" fillId="0" borderId="10" xfId="2" applyFont="1" applyFill="1" applyBorder="1" applyAlignment="1">
      <alignment horizontal="center"/>
    </xf>
    <xf numFmtId="4" fontId="4" fillId="0" borderId="10" xfId="2" applyNumberFormat="1" applyFont="1" applyFill="1" applyBorder="1" applyAlignment="1">
      <alignment horizontal="center"/>
    </xf>
    <xf numFmtId="40" fontId="4" fillId="0" borderId="10" xfId="2" applyNumberFormat="1" applyFont="1" applyFill="1" applyBorder="1" applyAlignment="1">
      <alignment horizontal="center"/>
    </xf>
    <xf numFmtId="178" fontId="4" fillId="0" borderId="10" xfId="2" applyNumberFormat="1" applyFont="1" applyFill="1" applyBorder="1" applyAlignment="1">
      <alignment horizontal="center"/>
    </xf>
    <xf numFmtId="38" fontId="4" fillId="0" borderId="49" xfId="2" applyNumberFormat="1" applyFont="1" applyFill="1" applyBorder="1" applyAlignment="1">
      <alignment horizontal="center"/>
    </xf>
    <xf numFmtId="38" fontId="4" fillId="0" borderId="21" xfId="2" applyFont="1" applyFill="1" applyBorder="1" applyAlignment="1">
      <alignment horizontal="center"/>
    </xf>
    <xf numFmtId="4" fontId="4" fillId="0" borderId="21" xfId="2" applyNumberFormat="1" applyFont="1" applyFill="1" applyBorder="1" applyAlignment="1">
      <alignment horizontal="center"/>
    </xf>
    <xf numFmtId="40" fontId="4" fillId="0" borderId="21" xfId="2" applyNumberFormat="1" applyFont="1" applyFill="1" applyBorder="1" applyAlignment="1">
      <alignment horizontal="center"/>
    </xf>
    <xf numFmtId="178" fontId="4" fillId="0" borderId="21" xfId="2" applyNumberFormat="1" applyFont="1" applyFill="1" applyBorder="1" applyAlignment="1">
      <alignment horizontal="center"/>
    </xf>
    <xf numFmtId="38" fontId="4" fillId="0" borderId="53" xfId="2" applyNumberFormat="1" applyFont="1" applyFill="1" applyBorder="1" applyAlignment="1">
      <alignment horizontal="center"/>
    </xf>
    <xf numFmtId="38" fontId="4" fillId="0" borderId="26" xfId="2" applyFont="1" applyFill="1" applyBorder="1" applyAlignment="1">
      <alignment horizontal="center"/>
    </xf>
    <xf numFmtId="4" fontId="4" fillId="0" borderId="26" xfId="2" applyNumberFormat="1" applyFont="1" applyFill="1" applyBorder="1" applyAlignment="1">
      <alignment horizontal="center"/>
    </xf>
    <xf numFmtId="40" fontId="4" fillId="0" borderId="26" xfId="2" applyNumberFormat="1" applyFont="1" applyFill="1" applyBorder="1" applyAlignment="1">
      <alignment horizontal="center"/>
    </xf>
    <xf numFmtId="178" fontId="4" fillId="0" borderId="26" xfId="2" applyNumberFormat="1" applyFont="1" applyFill="1" applyBorder="1" applyAlignment="1">
      <alignment horizontal="center"/>
    </xf>
    <xf numFmtId="40" fontId="4" fillId="0" borderId="8" xfId="2" applyNumberFormat="1" applyFont="1" applyFill="1" applyBorder="1" applyAlignment="1">
      <alignment horizontal="center"/>
    </xf>
    <xf numFmtId="40" fontId="4" fillId="0" borderId="9" xfId="2" applyNumberFormat="1" applyFont="1" applyFill="1" applyBorder="1" applyAlignment="1">
      <alignment horizontal="center"/>
    </xf>
    <xf numFmtId="4" fontId="4" fillId="0" borderId="43" xfId="2" applyNumberFormat="1" applyFont="1" applyFill="1" applyBorder="1" applyAlignment="1">
      <alignment horizontal="center"/>
    </xf>
    <xf numFmtId="178" fontId="4" fillId="0" borderId="10" xfId="2" applyNumberFormat="1" applyFont="1" applyFill="1" applyBorder="1"/>
    <xf numFmtId="4" fontId="4" fillId="0" borderId="49" xfId="2" applyNumberFormat="1" applyFont="1" applyFill="1" applyBorder="1" applyAlignment="1">
      <alignment horizontal="center"/>
    </xf>
    <xf numFmtId="178" fontId="4" fillId="0" borderId="21" xfId="2" applyNumberFormat="1" applyFont="1" applyFill="1" applyBorder="1"/>
    <xf numFmtId="38" fontId="11" fillId="0" borderId="0" xfId="2" quotePrefix="1" applyFont="1" applyFill="1"/>
    <xf numFmtId="4" fontId="4" fillId="0" borderId="2" xfId="2" applyNumberFormat="1" applyFont="1" applyFill="1" applyBorder="1" applyAlignment="1">
      <alignment horizontal="right"/>
    </xf>
    <xf numFmtId="4" fontId="4" fillId="0" borderId="3" xfId="2" applyNumberFormat="1" applyFont="1" applyFill="1" applyBorder="1" applyAlignment="1">
      <alignment horizontal="right"/>
    </xf>
    <xf numFmtId="4" fontId="4" fillId="0" borderId="8" xfId="2" applyNumberFormat="1" applyFont="1" applyFill="1" applyBorder="1" applyAlignment="1">
      <alignment horizontal="right"/>
    </xf>
    <xf numFmtId="4" fontId="4" fillId="0" borderId="9" xfId="2" applyNumberFormat="1" applyFont="1" applyFill="1" applyBorder="1" applyAlignment="1">
      <alignment horizontal="right"/>
    </xf>
    <xf numFmtId="4" fontId="4" fillId="0" borderId="43" xfId="2" applyNumberFormat="1" applyFont="1" applyFill="1" applyBorder="1" applyAlignment="1">
      <alignment horizontal="right"/>
    </xf>
    <xf numFmtId="4" fontId="4" fillId="0" borderId="10" xfId="2" applyNumberFormat="1" applyFont="1" applyFill="1" applyBorder="1" applyAlignment="1">
      <alignment horizontal="right"/>
    </xf>
    <xf numFmtId="38" fontId="4" fillId="0" borderId="10" xfId="2" applyNumberFormat="1" applyFont="1" applyFill="1" applyBorder="1" applyAlignment="1">
      <alignment horizontal="right"/>
    </xf>
    <xf numFmtId="4" fontId="4" fillId="0" borderId="49" xfId="2" applyNumberFormat="1" applyFont="1" applyFill="1" applyBorder="1" applyAlignment="1">
      <alignment horizontal="right"/>
    </xf>
    <xf numFmtId="4" fontId="4" fillId="0" borderId="21" xfId="2" applyNumberFormat="1" applyFont="1" applyFill="1" applyBorder="1" applyAlignment="1">
      <alignment horizontal="right"/>
    </xf>
    <xf numFmtId="38" fontId="4" fillId="0" borderId="21" xfId="2" applyNumberFormat="1" applyFont="1" applyFill="1" applyBorder="1" applyAlignment="1">
      <alignment horizontal="right"/>
    </xf>
    <xf numFmtId="4" fontId="4" fillId="0" borderId="53" xfId="2" applyNumberFormat="1" applyFont="1" applyFill="1" applyBorder="1" applyAlignment="1">
      <alignment horizontal="right"/>
    </xf>
    <xf numFmtId="4" fontId="4" fillId="0" borderId="26" xfId="2" applyNumberFormat="1" applyFont="1" applyFill="1" applyBorder="1" applyAlignment="1">
      <alignment horizontal="right"/>
    </xf>
    <xf numFmtId="38" fontId="4" fillId="0" borderId="26" xfId="2" applyNumberFormat="1" applyFont="1" applyFill="1" applyBorder="1" applyAlignment="1">
      <alignment horizontal="right"/>
    </xf>
    <xf numFmtId="38" fontId="10" fillId="0" borderId="0" xfId="2" applyFont="1" applyFill="1"/>
    <xf numFmtId="38" fontId="13" fillId="0" borderId="0" xfId="2" applyFont="1" applyFill="1"/>
    <xf numFmtId="38" fontId="10" fillId="0" borderId="0" xfId="2" applyFont="1" applyFill="1" applyAlignment="1">
      <alignment horizontal="center"/>
    </xf>
    <xf numFmtId="38" fontId="13" fillId="0" borderId="0" xfId="2" applyFont="1" applyFill="1" applyBorder="1"/>
    <xf numFmtId="38" fontId="13" fillId="0" borderId="0" xfId="2" quotePrefix="1" applyFont="1" applyFill="1" applyBorder="1"/>
    <xf numFmtId="38" fontId="10" fillId="0" borderId="0" xfId="2" applyFont="1" applyFill="1" applyAlignment="1">
      <alignment vertical="center"/>
    </xf>
    <xf numFmtId="38" fontId="17" fillId="0" borderId="64" xfId="2" applyFont="1" applyFill="1" applyBorder="1" applyAlignment="1">
      <alignment horizontal="center" vertical="center"/>
    </xf>
    <xf numFmtId="38" fontId="17" fillId="0" borderId="65" xfId="2" applyFont="1" applyFill="1" applyBorder="1" applyAlignment="1">
      <alignment horizontal="center" vertical="center"/>
    </xf>
    <xf numFmtId="38" fontId="17" fillId="0" borderId="66" xfId="2" applyFont="1" applyFill="1" applyBorder="1" applyAlignment="1">
      <alignment horizontal="center" vertical="center"/>
    </xf>
    <xf numFmtId="38" fontId="17" fillId="0" borderId="67" xfId="2" applyFont="1" applyFill="1" applyBorder="1" applyAlignment="1">
      <alignment horizontal="center" vertical="center"/>
    </xf>
    <xf numFmtId="38" fontId="17" fillId="0" borderId="68" xfId="2" applyFont="1" applyFill="1" applyBorder="1" applyAlignment="1">
      <alignment horizontal="center" vertical="center"/>
    </xf>
    <xf numFmtId="3" fontId="17" fillId="0" borderId="69" xfId="2" applyNumberFormat="1" applyFont="1" applyFill="1" applyBorder="1" applyAlignment="1">
      <alignment vertical="center"/>
    </xf>
    <xf numFmtId="38" fontId="17" fillId="0" borderId="5" xfId="2" applyFont="1" applyFill="1" applyBorder="1" applyAlignment="1">
      <alignment vertical="center"/>
    </xf>
    <xf numFmtId="38" fontId="17" fillId="0" borderId="66" xfId="2" applyFont="1" applyFill="1" applyBorder="1" applyAlignment="1"/>
    <xf numFmtId="38" fontId="17" fillId="0" borderId="66" xfId="2" applyFont="1" applyFill="1" applyBorder="1"/>
    <xf numFmtId="3" fontId="17" fillId="0" borderId="41" xfId="2" applyNumberFormat="1" applyFont="1" applyFill="1" applyBorder="1" applyAlignment="1">
      <alignment vertical="center"/>
    </xf>
    <xf numFmtId="38" fontId="17" fillId="0" borderId="5" xfId="2" applyFont="1" applyFill="1" applyBorder="1"/>
    <xf numFmtId="38" fontId="17" fillId="0" borderId="3" xfId="2" applyFont="1" applyFill="1" applyBorder="1"/>
    <xf numFmtId="38" fontId="17" fillId="0" borderId="8" xfId="2" applyFont="1" applyFill="1" applyBorder="1" applyAlignment="1">
      <alignment horizontal="center" vertical="center"/>
    </xf>
    <xf numFmtId="38" fontId="17" fillId="0" borderId="70" xfId="2" applyFont="1" applyFill="1" applyBorder="1" applyAlignment="1">
      <alignment horizontal="center" vertical="center"/>
    </xf>
    <xf numFmtId="38" fontId="17" fillId="0" borderId="71" xfId="2" applyFont="1" applyFill="1" applyBorder="1" applyAlignment="1">
      <alignment horizontal="center" vertical="center"/>
    </xf>
    <xf numFmtId="38" fontId="17" fillId="0" borderId="11" xfId="2" applyFont="1" applyFill="1" applyBorder="1" applyAlignment="1">
      <alignment horizontal="center" vertical="center"/>
    </xf>
    <xf numFmtId="3" fontId="17" fillId="0" borderId="72" xfId="2" applyNumberFormat="1" applyFont="1" applyFill="1" applyBorder="1" applyAlignment="1">
      <alignment vertical="center"/>
    </xf>
    <xf numFmtId="38" fontId="17" fillId="0" borderId="9" xfId="2" applyFont="1" applyFill="1" applyBorder="1" applyAlignment="1">
      <alignment vertical="center"/>
    </xf>
    <xf numFmtId="38" fontId="17" fillId="0" borderId="71" xfId="2" applyFont="1" applyFill="1" applyBorder="1" applyAlignment="1"/>
    <xf numFmtId="38" fontId="17" fillId="0" borderId="9" xfId="2" applyFont="1" applyFill="1" applyBorder="1" applyAlignment="1"/>
    <xf numFmtId="38" fontId="17" fillId="0" borderId="71" xfId="2" applyFont="1" applyFill="1" applyBorder="1"/>
    <xf numFmtId="3" fontId="17" fillId="0" borderId="11" xfId="2" applyNumberFormat="1" applyFont="1" applyFill="1" applyBorder="1" applyAlignment="1">
      <alignment vertical="center"/>
    </xf>
    <xf numFmtId="38" fontId="17" fillId="0" borderId="9" xfId="2" applyFont="1" applyFill="1" applyBorder="1"/>
    <xf numFmtId="38" fontId="17" fillId="0" borderId="73" xfId="2" applyFont="1" applyFill="1" applyBorder="1" applyAlignment="1">
      <alignment horizontal="center" vertical="center"/>
    </xf>
    <xf numFmtId="38" fontId="17" fillId="0" borderId="74" xfId="2" applyFont="1" applyFill="1" applyBorder="1" applyAlignment="1">
      <alignment horizontal="center" vertical="center"/>
    </xf>
    <xf numFmtId="38" fontId="17" fillId="0" borderId="75" xfId="2" applyFont="1" applyFill="1" applyBorder="1" applyAlignment="1">
      <alignment horizontal="center" vertical="center"/>
    </xf>
    <xf numFmtId="38" fontId="17" fillId="0" borderId="0" xfId="2" applyFont="1" applyFill="1" applyBorder="1" applyAlignment="1">
      <alignment horizontal="center" vertical="center"/>
    </xf>
    <xf numFmtId="3" fontId="17" fillId="0" borderId="76" xfId="2" applyNumberFormat="1" applyFont="1" applyFill="1" applyBorder="1" applyAlignment="1">
      <alignment vertical="center"/>
    </xf>
    <xf numFmtId="38" fontId="17" fillId="0" borderId="13" xfId="2" applyFont="1" applyFill="1" applyBorder="1" applyAlignment="1">
      <alignment vertical="center"/>
    </xf>
    <xf numFmtId="38" fontId="17" fillId="0" borderId="77" xfId="2" applyFont="1" applyFill="1" applyBorder="1" applyAlignment="1"/>
    <xf numFmtId="38" fontId="17" fillId="0" borderId="42" xfId="2" applyFont="1" applyFill="1" applyBorder="1" applyAlignment="1">
      <alignment vertical="center"/>
    </xf>
    <xf numFmtId="38" fontId="17" fillId="0" borderId="77" xfId="2" applyFont="1" applyFill="1" applyBorder="1"/>
    <xf numFmtId="3" fontId="17" fillId="0" borderId="0" xfId="2" applyNumberFormat="1" applyFont="1" applyFill="1" applyBorder="1" applyAlignment="1">
      <alignment vertical="center"/>
    </xf>
    <xf numFmtId="38" fontId="17" fillId="0" borderId="42" xfId="2" applyFont="1" applyFill="1" applyBorder="1"/>
    <xf numFmtId="38" fontId="10" fillId="0" borderId="0" xfId="2" applyFont="1" applyFill="1" applyAlignment="1"/>
    <xf numFmtId="0" fontId="17" fillId="0" borderId="18" xfId="3" applyFont="1" applyFill="1" applyBorder="1" applyAlignment="1">
      <alignment horizontal="center"/>
    </xf>
    <xf numFmtId="0" fontId="17" fillId="0" borderId="78" xfId="3" applyFont="1" applyFill="1" applyBorder="1"/>
    <xf numFmtId="0" fontId="17" fillId="0" borderId="17" xfId="3" applyFont="1" applyFill="1" applyBorder="1"/>
    <xf numFmtId="0" fontId="17" fillId="0" borderId="79" xfId="3" applyFont="1" applyFill="1" applyBorder="1"/>
    <xf numFmtId="3" fontId="17" fillId="0" borderId="80" xfId="2" applyNumberFormat="1" applyFont="1" applyFill="1" applyBorder="1" applyAlignment="1"/>
    <xf numFmtId="38" fontId="17" fillId="0" borderId="14" xfId="2" applyFont="1" applyFill="1" applyBorder="1" applyAlignment="1"/>
    <xf numFmtId="38" fontId="17" fillId="0" borderId="75" xfId="2" applyFont="1" applyFill="1" applyBorder="1" applyAlignment="1"/>
    <xf numFmtId="38" fontId="17" fillId="0" borderId="10" xfId="2" applyFont="1" applyFill="1" applyBorder="1" applyAlignment="1"/>
    <xf numFmtId="3" fontId="17" fillId="0" borderId="32" xfId="2" applyNumberFormat="1" applyFont="1" applyFill="1" applyBorder="1" applyAlignment="1"/>
    <xf numFmtId="179" fontId="17" fillId="0" borderId="22" xfId="2" applyNumberFormat="1" applyFont="1" applyFill="1" applyBorder="1" applyProtection="1">
      <protection locked="0"/>
    </xf>
    <xf numFmtId="38" fontId="17" fillId="0" borderId="21" xfId="2" applyNumberFormat="1" applyFont="1" applyFill="1" applyBorder="1" applyProtection="1">
      <protection locked="0"/>
    </xf>
    <xf numFmtId="38" fontId="17" fillId="0" borderId="22" xfId="2" applyFont="1" applyFill="1" applyBorder="1"/>
    <xf numFmtId="38" fontId="17" fillId="0" borderId="21" xfId="2" applyFont="1" applyFill="1" applyBorder="1"/>
    <xf numFmtId="38" fontId="17" fillId="0" borderId="22" xfId="2" applyFont="1" applyFill="1" applyBorder="1" applyAlignment="1"/>
    <xf numFmtId="38" fontId="18" fillId="0" borderId="31" xfId="2" applyFont="1" applyFill="1" applyBorder="1" applyAlignment="1"/>
    <xf numFmtId="38" fontId="10" fillId="0" borderId="29" xfId="2" applyFont="1" applyFill="1" applyBorder="1" applyAlignment="1"/>
    <xf numFmtId="0" fontId="17" fillId="0" borderId="20" xfId="3" applyFont="1" applyFill="1" applyBorder="1" applyAlignment="1">
      <alignment horizontal="center"/>
    </xf>
    <xf numFmtId="0" fontId="17" fillId="0" borderId="81" xfId="3" applyFont="1" applyFill="1" applyBorder="1"/>
    <xf numFmtId="0" fontId="17" fillId="0" borderId="22" xfId="3" applyFont="1" applyFill="1" applyBorder="1"/>
    <xf numFmtId="3" fontId="17" fillId="0" borderId="82" xfId="2" applyNumberFormat="1" applyFont="1" applyFill="1" applyBorder="1" applyAlignment="1"/>
    <xf numFmtId="38" fontId="17" fillId="0" borderId="24" xfId="2" applyFont="1" applyFill="1" applyBorder="1" applyAlignment="1"/>
    <xf numFmtId="38" fontId="17" fillId="0" borderId="27" xfId="2" applyFont="1" applyFill="1" applyBorder="1" applyAlignment="1"/>
    <xf numFmtId="3" fontId="17" fillId="0" borderId="83" xfId="2" applyNumberFormat="1" applyFont="1" applyFill="1" applyBorder="1" applyAlignment="1"/>
    <xf numFmtId="38" fontId="18" fillId="0" borderId="84" xfId="2" applyFont="1" applyFill="1" applyBorder="1" applyAlignment="1"/>
    <xf numFmtId="38" fontId="10" fillId="0" borderId="25" xfId="2" applyFont="1" applyFill="1" applyBorder="1" applyAlignment="1"/>
    <xf numFmtId="0" fontId="17" fillId="0" borderId="47" xfId="3" applyFont="1" applyFill="1" applyBorder="1" applyAlignment="1">
      <alignment horizontal="center"/>
    </xf>
    <xf numFmtId="0" fontId="17" fillId="0" borderId="85" xfId="3" applyFont="1" applyFill="1" applyBorder="1"/>
    <xf numFmtId="0" fontId="17" fillId="0" borderId="86" xfId="3" applyFont="1" applyFill="1" applyBorder="1"/>
    <xf numFmtId="3" fontId="17" fillId="0" borderId="87" xfId="2" applyNumberFormat="1" applyFont="1" applyFill="1" applyBorder="1" applyAlignment="1"/>
    <xf numFmtId="38" fontId="17" fillId="0" borderId="26" xfId="2" applyFont="1" applyFill="1" applyBorder="1" applyAlignment="1"/>
    <xf numFmtId="38" fontId="17" fillId="0" borderId="86" xfId="2" applyFont="1" applyFill="1" applyBorder="1" applyAlignment="1"/>
    <xf numFmtId="3" fontId="17" fillId="0" borderId="88" xfId="2" applyNumberFormat="1" applyFont="1" applyFill="1" applyBorder="1" applyAlignment="1"/>
    <xf numFmtId="179" fontId="17" fillId="0" borderId="27" xfId="2" applyNumberFormat="1" applyFont="1" applyFill="1" applyBorder="1" applyProtection="1">
      <protection locked="0"/>
    </xf>
    <xf numFmtId="38" fontId="17" fillId="0" borderId="27" xfId="2" applyFont="1" applyFill="1" applyBorder="1"/>
    <xf numFmtId="38" fontId="18" fillId="0" borderId="26" xfId="2" applyFont="1" applyFill="1" applyBorder="1" applyAlignment="1"/>
    <xf numFmtId="179" fontId="17" fillId="0" borderId="17" xfId="2" applyNumberFormat="1" applyFont="1" applyFill="1" applyBorder="1" applyProtection="1">
      <protection locked="0"/>
    </xf>
    <xf numFmtId="38" fontId="17" fillId="0" borderId="10" xfId="2" applyNumberFormat="1" applyFont="1" applyFill="1" applyBorder="1" applyProtection="1">
      <protection locked="0"/>
    </xf>
    <xf numFmtId="38" fontId="17" fillId="0" borderId="17" xfId="2" applyFont="1" applyFill="1" applyBorder="1"/>
    <xf numFmtId="38" fontId="17" fillId="0" borderId="10" xfId="2" applyFont="1" applyFill="1" applyBorder="1"/>
    <xf numFmtId="38" fontId="17" fillId="0" borderId="17" xfId="2" applyFont="1" applyFill="1" applyBorder="1" applyAlignment="1"/>
    <xf numFmtId="38" fontId="18" fillId="0" borderId="89" xfId="2" applyFont="1" applyFill="1" applyBorder="1" applyAlignment="1"/>
    <xf numFmtId="0" fontId="17" fillId="0" borderId="23" xfId="3" applyFont="1" applyFill="1" applyBorder="1" applyAlignment="1">
      <alignment horizontal="center"/>
    </xf>
    <xf numFmtId="3" fontId="17" fillId="0" borderId="90" xfId="2" applyNumberFormat="1" applyFont="1" applyFill="1" applyBorder="1" applyAlignment="1"/>
    <xf numFmtId="38" fontId="17" fillId="0" borderId="21" xfId="2" applyFont="1" applyFill="1" applyBorder="1" applyAlignment="1"/>
    <xf numFmtId="3" fontId="17" fillId="0" borderId="91" xfId="2" applyNumberFormat="1" applyFont="1" applyFill="1" applyBorder="1" applyAlignment="1"/>
    <xf numFmtId="38" fontId="18" fillId="0" borderId="33" xfId="2" applyFont="1" applyFill="1" applyBorder="1" applyAlignment="1"/>
    <xf numFmtId="0" fontId="17" fillId="0" borderId="92" xfId="3" applyFont="1" applyFill="1" applyBorder="1"/>
    <xf numFmtId="3" fontId="17" fillId="0" borderId="33" xfId="2" applyNumberFormat="1" applyFont="1" applyFill="1" applyBorder="1" applyAlignment="1"/>
    <xf numFmtId="38" fontId="17" fillId="0" borderId="21" xfId="2" applyNumberFormat="1" applyFont="1" applyFill="1" applyBorder="1"/>
    <xf numFmtId="38" fontId="18" fillId="0" borderId="21" xfId="2" applyFont="1" applyFill="1" applyBorder="1" applyAlignment="1"/>
    <xf numFmtId="0" fontId="17" fillId="0" borderId="93" xfId="3" applyFont="1" applyFill="1" applyBorder="1"/>
    <xf numFmtId="0" fontId="17" fillId="0" borderId="27" xfId="3" applyFont="1" applyFill="1" applyBorder="1"/>
    <xf numFmtId="38" fontId="17" fillId="0" borderId="24" xfId="2" applyNumberFormat="1" applyFont="1" applyFill="1" applyBorder="1"/>
    <xf numFmtId="38" fontId="17" fillId="0" borderId="24" xfId="2" applyFont="1" applyFill="1" applyBorder="1"/>
    <xf numFmtId="38" fontId="10" fillId="0" borderId="55" xfId="2" applyFont="1" applyFill="1" applyBorder="1" applyAlignment="1">
      <alignment horizontal="center"/>
    </xf>
    <xf numFmtId="38" fontId="10" fillId="0" borderId="94" xfId="2" applyFont="1" applyFill="1" applyBorder="1" applyAlignment="1">
      <alignment horizontal="center"/>
    </xf>
    <xf numFmtId="38" fontId="10" fillId="0" borderId="27" xfId="2" applyFont="1" applyFill="1" applyBorder="1" applyAlignment="1">
      <alignment horizontal="center"/>
    </xf>
    <xf numFmtId="38" fontId="10" fillId="0" borderId="83" xfId="2" applyFont="1" applyFill="1" applyBorder="1" applyAlignment="1">
      <alignment horizontal="center"/>
    </xf>
    <xf numFmtId="38" fontId="10" fillId="0" borderId="82" xfId="2" applyFont="1" applyFill="1" applyBorder="1" applyAlignment="1">
      <alignment horizontal="center"/>
    </xf>
    <xf numFmtId="0" fontId="10" fillId="0" borderId="27" xfId="4" applyFont="1" applyFill="1" applyBorder="1" applyAlignment="1">
      <alignment horizontal="center"/>
    </xf>
    <xf numFmtId="0" fontId="10" fillId="0" borderId="24" xfId="4" applyFont="1" applyFill="1" applyBorder="1" applyAlignment="1">
      <alignment horizontal="center"/>
    </xf>
    <xf numFmtId="0" fontId="10" fillId="0" borderId="24" xfId="4" quotePrefix="1" applyFont="1" applyFill="1" applyBorder="1" applyAlignment="1">
      <alignment horizontal="center"/>
    </xf>
    <xf numFmtId="38" fontId="10" fillId="0" borderId="73" xfId="2" applyFont="1" applyFill="1" applyBorder="1" applyAlignment="1">
      <alignment horizontal="center"/>
    </xf>
    <xf numFmtId="38" fontId="10" fillId="0" borderId="0" xfId="2" quotePrefix="1" applyFont="1" applyFill="1" applyBorder="1" applyAlignment="1">
      <alignment horizontal="center"/>
    </xf>
    <xf numFmtId="38" fontId="10" fillId="0" borderId="75" xfId="2" applyFont="1" applyFill="1" applyBorder="1" applyAlignment="1">
      <alignment horizontal="center"/>
    </xf>
    <xf numFmtId="38" fontId="12" fillId="0" borderId="0" xfId="2" applyFont="1" applyFill="1"/>
    <xf numFmtId="38" fontId="19" fillId="0" borderId="0" xfId="2" applyFont="1" applyFill="1"/>
    <xf numFmtId="38" fontId="10" fillId="0" borderId="0" xfId="2" applyFont="1" applyFill="1" applyBorder="1" applyAlignment="1">
      <alignment horizontal="center"/>
    </xf>
    <xf numFmtId="38" fontId="11" fillId="0" borderId="0" xfId="2" applyFont="1" applyFill="1" applyBorder="1"/>
    <xf numFmtId="38" fontId="10" fillId="0" borderId="0" xfId="2" applyFont="1" applyFill="1" applyBorder="1"/>
    <xf numFmtId="38" fontId="16" fillId="0" borderId="0" xfId="2" applyFont="1" applyFill="1" applyBorder="1"/>
    <xf numFmtId="38" fontId="15" fillId="0" borderId="0" xfId="2" quotePrefix="1" applyFont="1" applyFill="1" applyBorder="1"/>
    <xf numFmtId="38" fontId="10" fillId="0" borderId="0" xfId="2" quotePrefix="1" applyFont="1" applyFill="1" applyBorder="1"/>
    <xf numFmtId="38" fontId="13" fillId="0" borderId="0" xfId="2" applyFont="1" applyFill="1" applyBorder="1" applyAlignment="1">
      <alignment horizontal="center"/>
    </xf>
    <xf numFmtId="38" fontId="12" fillId="0" borderId="0" xfId="2" applyFont="1" applyFill="1" applyBorder="1" applyAlignment="1">
      <alignment horizontal="center"/>
    </xf>
    <xf numFmtId="38" fontId="12" fillId="0" borderId="0" xfId="2" applyFont="1" applyFill="1" applyBorder="1"/>
    <xf numFmtId="38" fontId="6" fillId="0" borderId="0" xfId="2" applyFont="1" applyFill="1"/>
    <xf numFmtId="38" fontId="4" fillId="0" borderId="0" xfId="2" applyFont="1" applyFill="1" applyBorder="1"/>
    <xf numFmtId="0" fontId="4" fillId="0" borderId="0" xfId="2" quotePrefix="1" applyNumberFormat="1" applyFont="1" applyFill="1"/>
    <xf numFmtId="38" fontId="4" fillId="0" borderId="0" xfId="2" applyFont="1" applyFill="1" applyAlignment="1">
      <alignment vertical="center"/>
    </xf>
    <xf numFmtId="38" fontId="4" fillId="0" borderId="0" xfId="2" applyFont="1" applyFill="1" applyAlignment="1">
      <alignment horizontal="center"/>
    </xf>
    <xf numFmtId="49" fontId="4" fillId="0" borderId="0" xfId="2" applyNumberFormat="1" applyFont="1" applyFill="1"/>
    <xf numFmtId="38" fontId="9" fillId="0" borderId="0" xfId="2" applyFont="1" applyFill="1"/>
    <xf numFmtId="49" fontId="2" fillId="0" borderId="0" xfId="0" applyNumberFormat="1" applyFont="1" applyFill="1" applyAlignment="1"/>
    <xf numFmtId="49" fontId="0" fillId="0" borderId="0" xfId="2" applyNumberFormat="1" applyFont="1" applyFill="1"/>
    <xf numFmtId="3" fontId="21" fillId="0" borderId="32" xfId="2" applyNumberFormat="1" applyFont="1" applyFill="1" applyBorder="1" applyAlignment="1"/>
    <xf numFmtId="38" fontId="4" fillId="0" borderId="1" xfId="2" applyFont="1" applyFill="1" applyBorder="1"/>
    <xf numFmtId="49" fontId="4" fillId="0" borderId="1" xfId="2" applyNumberFormat="1" applyFont="1" applyFill="1" applyBorder="1"/>
    <xf numFmtId="38" fontId="17" fillId="0" borderId="0" xfId="2" applyFont="1" applyFill="1" applyBorder="1" applyAlignment="1">
      <alignment vertical="center"/>
    </xf>
    <xf numFmtId="38" fontId="17" fillId="0" borderId="11" xfId="2" applyFont="1" applyFill="1" applyBorder="1" applyAlignment="1">
      <alignment vertical="center"/>
    </xf>
    <xf numFmtId="38" fontId="17" fillId="0" borderId="41" xfId="2" applyFont="1" applyFill="1" applyBorder="1" applyAlignment="1">
      <alignment vertical="center"/>
    </xf>
    <xf numFmtId="0" fontId="4" fillId="0" borderId="22" xfId="0" applyFont="1" applyFill="1" applyBorder="1" applyAlignment="1">
      <alignment horizontal="distributed" justifyLastLine="1"/>
    </xf>
    <xf numFmtId="0" fontId="4" fillId="0" borderId="23" xfId="0" applyFont="1" applyFill="1" applyBorder="1" applyAlignment="1">
      <alignment horizontal="distributed" justifyLastLine="1"/>
    </xf>
    <xf numFmtId="0" fontId="4" fillId="0" borderId="33" xfId="0" applyFont="1" applyFill="1" applyBorder="1" applyAlignment="1">
      <alignment horizontal="distributed" justifyLastLine="1"/>
    </xf>
    <xf numFmtId="0" fontId="4" fillId="0" borderId="39" xfId="0" applyFont="1" applyFill="1" applyBorder="1" applyAlignment="1">
      <alignment horizontal="distributed" vertical="center" justifyLastLine="1"/>
    </xf>
    <xf numFmtId="0" fontId="4" fillId="0" borderId="1" xfId="0" applyFont="1" applyFill="1" applyBorder="1" applyAlignment="1">
      <alignment horizontal="distributed" vertical="center" justifyLastLine="1"/>
    </xf>
    <xf numFmtId="0" fontId="4" fillId="0" borderId="28" xfId="0" applyFont="1" applyFill="1" applyBorder="1" applyAlignment="1">
      <alignment horizontal="distributed" vertical="center" justifyLastLine="1"/>
    </xf>
    <xf numFmtId="0" fontId="4" fillId="0" borderId="0" xfId="0" applyFont="1" applyFill="1" applyBorder="1" applyAlignment="1">
      <alignment horizontal="distributed" vertical="center" justifyLastLine="1"/>
    </xf>
    <xf numFmtId="0" fontId="4" fillId="0" borderId="19" xfId="0" applyFont="1" applyFill="1" applyBorder="1" applyAlignment="1">
      <alignment horizontal="distributed" vertical="center" justifyLastLine="1"/>
    </xf>
    <xf numFmtId="0" fontId="4" fillId="0" borderId="32" xfId="0" applyFont="1" applyFill="1" applyBorder="1" applyAlignment="1">
      <alignment horizontal="distributed" vertical="center" justifyLastLine="1"/>
    </xf>
    <xf numFmtId="0" fontId="4" fillId="0" borderId="37" xfId="0" applyFont="1" applyFill="1" applyBorder="1" applyAlignment="1">
      <alignment horizontal="distributed" justifyLastLine="1"/>
    </xf>
    <xf numFmtId="0" fontId="4" fillId="0" borderId="36" xfId="0" applyFont="1" applyFill="1" applyBorder="1" applyAlignment="1">
      <alignment horizontal="distributed" justifyLastLine="1"/>
    </xf>
    <xf numFmtId="0" fontId="4" fillId="0" borderId="40" xfId="0" applyFont="1" applyFill="1" applyBorder="1" applyAlignment="1">
      <alignment horizontal="distributed" justifyLastLine="1"/>
    </xf>
    <xf numFmtId="0" fontId="4" fillId="0" borderId="35" xfId="0" applyFont="1" applyFill="1" applyBorder="1" applyAlignment="1">
      <alignment horizontal="distributed" justifyLastLine="1"/>
    </xf>
    <xf numFmtId="0" fontId="4" fillId="0" borderId="38" xfId="0" applyFont="1" applyFill="1" applyBorder="1" applyAlignment="1">
      <alignment horizontal="distributed" vertical="center" justifyLastLine="1"/>
    </xf>
    <xf numFmtId="0" fontId="4" fillId="0" borderId="34" xfId="0" applyFont="1" applyFill="1" applyBorder="1" applyAlignment="1">
      <alignment horizontal="distributed" vertical="center" justifyLastLine="1"/>
    </xf>
    <xf numFmtId="0" fontId="4" fillId="0" borderId="31" xfId="0" applyFont="1" applyFill="1" applyBorder="1" applyAlignment="1">
      <alignment horizontal="distributed" vertical="center" justifyLastLine="1"/>
    </xf>
    <xf numFmtId="38" fontId="4" fillId="0" borderId="12" xfId="1" applyFont="1" applyFill="1" applyBorder="1" applyAlignment="1" applyProtection="1">
      <alignment horizontal="distributed" justifyLastLine="1"/>
    </xf>
    <xf numFmtId="0" fontId="4" fillId="0" borderId="11" xfId="0" applyFont="1" applyFill="1" applyBorder="1" applyAlignment="1">
      <alignment horizontal="distributed" justifyLastLine="1"/>
    </xf>
    <xf numFmtId="38" fontId="4" fillId="0" borderId="46" xfId="1" applyFont="1" applyFill="1" applyBorder="1" applyAlignment="1" applyProtection="1">
      <alignment horizontal="distributed" justifyLastLine="1"/>
    </xf>
    <xf numFmtId="38" fontId="4" fillId="0" borderId="12" xfId="1" applyFont="1" applyFill="1" applyBorder="1" applyAlignment="1">
      <alignment horizontal="distributed" justifyLastLine="1"/>
    </xf>
    <xf numFmtId="38" fontId="4" fillId="0" borderId="46" xfId="1" applyFont="1" applyFill="1" applyBorder="1" applyAlignment="1">
      <alignment horizontal="distributed" justifyLastLine="1"/>
    </xf>
    <xf numFmtId="49" fontId="4" fillId="0" borderId="1" xfId="1" applyNumberFormat="1" applyFont="1" applyFill="1" applyBorder="1" applyAlignment="1">
      <alignment horizontal="left" justifyLastLine="1"/>
    </xf>
    <xf numFmtId="38" fontId="4" fillId="0" borderId="7" xfId="1" applyFont="1" applyFill="1" applyBorder="1" applyAlignment="1">
      <alignment horizontal="distributed" justifyLastLine="1"/>
    </xf>
    <xf numFmtId="0" fontId="4" fillId="0" borderId="6" xfId="0" applyFont="1" applyFill="1" applyBorder="1" applyAlignment="1">
      <alignment horizontal="distributed" justifyLastLine="1"/>
    </xf>
    <xf numFmtId="38" fontId="4" fillId="0" borderId="45" xfId="1" applyFont="1" applyFill="1" applyBorder="1" applyAlignment="1">
      <alignment horizontal="distributed" justifyLastLine="1"/>
    </xf>
    <xf numFmtId="38" fontId="4" fillId="0" borderId="1" xfId="1" applyFont="1" applyFill="1" applyBorder="1" applyAlignment="1">
      <alignment horizontal="left" justifyLastLine="1"/>
    </xf>
    <xf numFmtId="38" fontId="4" fillId="0" borderId="51" xfId="2" applyFont="1" applyFill="1" applyBorder="1" applyAlignment="1">
      <alignment horizontal="distributed" justifyLastLine="1"/>
    </xf>
    <xf numFmtId="38" fontId="4" fillId="0" borderId="3" xfId="2" applyFont="1" applyFill="1" applyBorder="1" applyAlignment="1">
      <alignment horizontal="distributed" justifyLastLine="1"/>
    </xf>
    <xf numFmtId="38" fontId="4" fillId="0" borderId="62" xfId="2" applyFont="1" applyFill="1" applyBorder="1" applyAlignment="1">
      <alignment horizontal="distributed" vertical="center" justifyLastLine="1"/>
    </xf>
    <xf numFmtId="0" fontId="7" fillId="0" borderId="60" xfId="3" applyFill="1" applyBorder="1" applyAlignment="1">
      <alignment horizontal="distributed" vertical="center" justifyLastLine="1"/>
    </xf>
    <xf numFmtId="0" fontId="7" fillId="0" borderId="56" xfId="3" applyFill="1" applyBorder="1" applyAlignment="1">
      <alignment horizontal="distributed" vertical="center" justifyLastLine="1"/>
    </xf>
    <xf numFmtId="0" fontId="7" fillId="0" borderId="21" xfId="3" applyFill="1" applyBorder="1" applyAlignment="1">
      <alignment horizontal="distributed" vertical="center" justifyLastLine="1"/>
    </xf>
    <xf numFmtId="38" fontId="4" fillId="0" borderId="61" xfId="2" quotePrefix="1" applyFont="1" applyFill="1" applyBorder="1" applyAlignment="1">
      <alignment horizontal="distributed" justifyLastLine="1"/>
    </xf>
    <xf numFmtId="38" fontId="4" fillId="0" borderId="60" xfId="2" quotePrefix="1" applyFont="1" applyFill="1" applyBorder="1" applyAlignment="1">
      <alignment horizontal="distributed" justifyLastLine="1"/>
    </xf>
    <xf numFmtId="38" fontId="4" fillId="0" borderId="59" xfId="2" quotePrefix="1" applyFont="1" applyFill="1" applyBorder="1" applyAlignment="1">
      <alignment horizontal="distributed" justifyLastLine="1"/>
    </xf>
    <xf numFmtId="38" fontId="4" fillId="0" borderId="52" xfId="2" applyFont="1" applyFill="1" applyBorder="1" applyAlignment="1">
      <alignment horizontal="distributed" justifyLastLine="1"/>
    </xf>
    <xf numFmtId="38" fontId="4" fillId="0" borderId="9" xfId="2" applyFont="1" applyFill="1" applyBorder="1" applyAlignment="1">
      <alignment horizontal="distributed" justifyLastLine="1"/>
    </xf>
    <xf numFmtId="0" fontId="7" fillId="0" borderId="60" xfId="3" applyFill="1" applyBorder="1" applyAlignment="1">
      <alignment horizontal="distributed" justifyLastLine="1"/>
    </xf>
    <xf numFmtId="0" fontId="7" fillId="0" borderId="59" xfId="3" applyFill="1" applyBorder="1" applyAlignment="1">
      <alignment horizontal="distributed" justifyLastLine="1"/>
    </xf>
    <xf numFmtId="0" fontId="4" fillId="0" borderId="60" xfId="3" quotePrefix="1" applyFont="1" applyFill="1" applyBorder="1" applyAlignment="1">
      <alignment horizontal="distributed" justifyLastLine="1"/>
    </xf>
    <xf numFmtId="0" fontId="4" fillId="0" borderId="60" xfId="3" applyFont="1" applyFill="1" applyBorder="1" applyAlignment="1">
      <alignment horizontal="distributed" justifyLastLine="1"/>
    </xf>
    <xf numFmtId="0" fontId="7" fillId="0" borderId="37" xfId="3" applyFill="1" applyBorder="1" applyAlignment="1">
      <alignment horizontal="distributed" justifyLastLine="1"/>
    </xf>
    <xf numFmtId="38" fontId="4" fillId="0" borderId="7" xfId="2" applyFont="1" applyFill="1" applyBorder="1" applyAlignment="1">
      <alignment horizontal="distributed" justifyLastLine="1"/>
    </xf>
    <xf numFmtId="38" fontId="4" fillId="0" borderId="45" xfId="2" applyFont="1" applyFill="1" applyBorder="1" applyAlignment="1">
      <alignment horizontal="distributed" justifyLastLine="1"/>
    </xf>
    <xf numFmtId="38" fontId="20" fillId="0" borderId="0" xfId="2" applyFont="1" applyFill="1" applyAlignment="1">
      <alignment horizontal="left"/>
    </xf>
    <xf numFmtId="38" fontId="4" fillId="0" borderId="101" xfId="2" applyFont="1" applyFill="1" applyBorder="1" applyAlignment="1">
      <alignment horizontal="center" vertical="center"/>
    </xf>
    <xf numFmtId="38" fontId="4" fillId="0" borderId="1" xfId="2" applyFont="1" applyFill="1" applyBorder="1" applyAlignment="1">
      <alignment horizontal="center" vertical="center"/>
    </xf>
    <xf numFmtId="38" fontId="4" fillId="0" borderId="100" xfId="2" applyFont="1" applyFill="1" applyBorder="1" applyAlignment="1">
      <alignment horizontal="center" vertical="center"/>
    </xf>
    <xf numFmtId="38" fontId="4" fillId="0" borderId="96" xfId="2" applyFont="1" applyFill="1" applyBorder="1" applyAlignment="1">
      <alignment horizontal="center" vertical="center"/>
    </xf>
    <xf numFmtId="38" fontId="4" fillId="0" borderId="83" xfId="2" applyFont="1" applyFill="1" applyBorder="1" applyAlignment="1">
      <alignment horizontal="center" vertical="center"/>
    </xf>
    <xf numFmtId="38" fontId="4" fillId="0" borderId="20" xfId="2" applyFont="1" applyFill="1" applyBorder="1" applyAlignment="1">
      <alignment horizontal="center" vertical="center"/>
    </xf>
    <xf numFmtId="38" fontId="10" fillId="0" borderId="39" xfId="2" applyFont="1" applyFill="1" applyBorder="1" applyAlignment="1">
      <alignment horizontal="distributed" vertical="center" justifyLastLine="1"/>
    </xf>
    <xf numFmtId="38" fontId="10" fillId="0" borderId="38" xfId="2" applyFont="1" applyFill="1" applyBorder="1" applyAlignment="1">
      <alignment horizontal="distributed" vertical="center" justifyLastLine="1"/>
    </xf>
    <xf numFmtId="38" fontId="10" fillId="0" borderId="28" xfId="2" applyFont="1" applyFill="1" applyBorder="1" applyAlignment="1">
      <alignment horizontal="distributed" vertical="center" justifyLastLine="1"/>
    </xf>
    <xf numFmtId="38" fontId="10" fillId="0" borderId="34" xfId="2" applyFont="1" applyFill="1" applyBorder="1" applyAlignment="1">
      <alignment horizontal="distributed" vertical="center" justifyLastLine="1"/>
    </xf>
    <xf numFmtId="38" fontId="10" fillId="0" borderId="95" xfId="2" applyFont="1" applyFill="1" applyBorder="1" applyAlignment="1">
      <alignment horizontal="distributed" vertical="center" justifyLastLine="1"/>
    </xf>
    <xf numFmtId="38" fontId="10" fillId="0" borderId="89" xfId="2" applyFont="1" applyFill="1" applyBorder="1" applyAlignment="1">
      <alignment horizontal="distributed" vertical="center" justifyLastLine="1"/>
    </xf>
    <xf numFmtId="38" fontId="10" fillId="0" borderId="103" xfId="2" applyFont="1" applyFill="1" applyBorder="1" applyAlignment="1">
      <alignment horizontal="center" vertical="center"/>
    </xf>
    <xf numFmtId="38" fontId="10" fillId="0" borderId="1" xfId="2" applyFont="1" applyFill="1" applyBorder="1" applyAlignment="1">
      <alignment horizontal="center" vertical="center"/>
    </xf>
    <xf numFmtId="38" fontId="10" fillId="0" borderId="102" xfId="2" applyFont="1" applyFill="1" applyBorder="1" applyAlignment="1">
      <alignment horizontal="center" vertical="center"/>
    </xf>
    <xf numFmtId="38" fontId="10" fillId="0" borderId="27" xfId="2" applyFont="1" applyFill="1" applyBorder="1" applyAlignment="1">
      <alignment horizontal="center" vertical="center"/>
    </xf>
    <xf numFmtId="38" fontId="10" fillId="0" borderId="83" xfId="2" applyFont="1" applyFill="1" applyBorder="1" applyAlignment="1">
      <alignment horizontal="center" vertical="center"/>
    </xf>
    <xf numFmtId="38" fontId="10" fillId="0" borderId="82" xfId="2" applyFont="1" applyFill="1" applyBorder="1" applyAlignment="1">
      <alignment horizontal="center" vertical="center"/>
    </xf>
    <xf numFmtId="38" fontId="10" fillId="0" borderId="38" xfId="2" applyFont="1" applyFill="1" applyBorder="1" applyAlignment="1">
      <alignment horizontal="center" vertical="center"/>
    </xf>
    <xf numFmtId="38" fontId="10" fillId="0" borderId="89" xfId="2" applyFont="1" applyFill="1" applyBorder="1" applyAlignment="1">
      <alignment horizontal="center" vertical="center"/>
    </xf>
    <xf numFmtId="38" fontId="10" fillId="0" borderId="99" xfId="2" applyFont="1" applyFill="1" applyBorder="1" applyAlignment="1">
      <alignment horizontal="center"/>
    </xf>
    <xf numFmtId="38" fontId="10" fillId="0" borderId="98" xfId="2" applyFont="1" applyFill="1" applyBorder="1" applyAlignment="1">
      <alignment horizontal="center"/>
    </xf>
    <xf numFmtId="38" fontId="10" fillId="0" borderId="97" xfId="2" applyFont="1" applyFill="1" applyBorder="1" applyAlignment="1">
      <alignment horizontal="center"/>
    </xf>
    <xf numFmtId="38" fontId="10" fillId="0" borderId="92" xfId="2" applyFont="1" applyFill="1" applyBorder="1" applyAlignment="1">
      <alignment horizontal="distributed" justifyLastLine="1"/>
    </xf>
    <xf numFmtId="38" fontId="10" fillId="0" borderId="33" xfId="2" applyFont="1" applyFill="1" applyBorder="1" applyAlignment="1">
      <alignment horizontal="distributed" justifyLastLine="1"/>
    </xf>
    <xf numFmtId="38" fontId="10" fillId="0" borderId="22" xfId="2" applyFont="1" applyFill="1" applyBorder="1" applyAlignment="1">
      <alignment horizontal="distributed" justifyLastLine="1"/>
    </xf>
    <xf numFmtId="38" fontId="10" fillId="0" borderId="106" xfId="2" applyFont="1" applyFill="1" applyBorder="1" applyAlignment="1">
      <alignment horizontal="center"/>
    </xf>
    <xf numFmtId="38" fontId="10" fillId="0" borderId="105" xfId="2" applyFont="1" applyFill="1" applyBorder="1" applyAlignment="1">
      <alignment horizontal="center"/>
    </xf>
    <xf numFmtId="38" fontId="10" fillId="0" borderId="104" xfId="2" applyFont="1" applyFill="1" applyBorder="1" applyAlignment="1">
      <alignment horizontal="center"/>
    </xf>
    <xf numFmtId="38" fontId="4" fillId="0" borderId="12" xfId="2" applyFont="1" applyFill="1" applyBorder="1" applyAlignment="1">
      <alignment horizontal="distributed" justifyLastLine="1"/>
    </xf>
    <xf numFmtId="38" fontId="4" fillId="0" borderId="46" xfId="2" applyFont="1" applyFill="1" applyBorder="1" applyAlignment="1">
      <alignment horizontal="distributed" justifyLastLine="1"/>
    </xf>
  </cellXfs>
  <cellStyles count="5">
    <cellStyle name="桁区切り" xfId="1" builtinId="6"/>
    <cellStyle name="桁区切り 2" xfId="2"/>
    <cellStyle name="標準" xfId="0" builtinId="0"/>
    <cellStyle name="標準 2" xfId="3"/>
    <cellStyle name="標準_レセ効果_1" xfId="4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19</xdr:col>
      <xdr:colOff>219075</xdr:colOff>
      <xdr:row>22</xdr:row>
      <xdr:rowOff>0</xdr:rowOff>
    </xdr:from>
    <xdr:ext cx="76200" cy="209550"/>
    <xdr:sp macro="" textlink="">
      <xdr:nvSpPr>
        <xdr:cNvPr id="2" name="Text Box 3"/>
        <xdr:cNvSpPr txBox="1">
          <a:spLocks noChangeArrowheads="1"/>
        </xdr:cNvSpPr>
      </xdr:nvSpPr>
      <xdr:spPr bwMode="auto">
        <a:xfrm>
          <a:off x="11946255" y="3688080"/>
          <a:ext cx="76200" cy="209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19</xdr:col>
      <xdr:colOff>28575</xdr:colOff>
      <xdr:row>22</xdr:row>
      <xdr:rowOff>28575</xdr:rowOff>
    </xdr:from>
    <xdr:ext cx="76200" cy="209550"/>
    <xdr:sp macro="" textlink="">
      <xdr:nvSpPr>
        <xdr:cNvPr id="3" name="Text Box 4"/>
        <xdr:cNvSpPr txBox="1">
          <a:spLocks noChangeArrowheads="1"/>
        </xdr:cNvSpPr>
      </xdr:nvSpPr>
      <xdr:spPr bwMode="auto">
        <a:xfrm>
          <a:off x="11755755" y="3716655"/>
          <a:ext cx="76200" cy="209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J279"/>
  <sheetViews>
    <sheetView tabSelected="1" zoomScaleNormal="100" zoomScaleSheetLayoutView="100" workbookViewId="0">
      <selection activeCell="H13" sqref="H13"/>
    </sheetView>
  </sheetViews>
  <sheetFormatPr defaultColWidth="9" defaultRowHeight="15.75" customHeight="1" x14ac:dyDescent="0.15"/>
  <cols>
    <col min="1" max="1" width="3.625" style="1" customWidth="1"/>
    <col min="2" max="2" width="10" style="1" customWidth="1"/>
    <col min="3" max="3" width="13.125" style="1" customWidth="1"/>
    <col min="4" max="4" width="4.875" style="1" customWidth="1"/>
    <col min="5" max="5" width="13.125" style="1" customWidth="1"/>
    <col min="6" max="6" width="6.875" style="1" customWidth="1"/>
    <col min="7" max="7" width="13.125" style="1" customWidth="1"/>
    <col min="8" max="8" width="4.875" style="1" customWidth="1"/>
    <col min="9" max="9" width="13.125" style="1" customWidth="1"/>
    <col min="10" max="10" width="4.875" style="1" customWidth="1"/>
    <col min="11" max="11" width="13.125" style="1" customWidth="1"/>
    <col min="12" max="12" width="4.875" style="1" customWidth="1"/>
    <col min="13" max="13" width="13.125" style="1" customWidth="1"/>
    <col min="14" max="14" width="5.875" style="1" customWidth="1"/>
    <col min="15" max="15" width="13.125" style="1" customWidth="1"/>
    <col min="16" max="16" width="4.875" style="1" customWidth="1"/>
    <col min="17" max="17" width="13.125" style="1" customWidth="1"/>
    <col min="18" max="18" width="4.875" style="1" customWidth="1"/>
    <col min="19" max="19" width="3.625" style="1" customWidth="1"/>
    <col min="20" max="20" width="10" style="1" customWidth="1"/>
    <col min="21" max="21" width="13.125" style="1" customWidth="1"/>
    <col min="22" max="22" width="4.875" style="1" customWidth="1"/>
    <col min="23" max="23" width="13.125" style="1" customWidth="1"/>
    <col min="24" max="24" width="4.875" style="1" customWidth="1"/>
    <col min="25" max="25" width="13.125" style="1" customWidth="1"/>
    <col min="26" max="26" width="4.875" style="1" customWidth="1"/>
    <col min="27" max="27" width="13.125" style="1" customWidth="1"/>
    <col min="28" max="28" width="4.875" style="1" customWidth="1"/>
    <col min="29" max="29" width="13.125" style="1" customWidth="1"/>
    <col min="30" max="30" width="4.875" style="1" customWidth="1"/>
    <col min="31" max="31" width="13.125" style="1" customWidth="1"/>
    <col min="32" max="32" width="4.875" style="1" customWidth="1"/>
    <col min="33" max="33" width="13.125" style="1" customWidth="1"/>
    <col min="34" max="34" width="4.875" style="1" customWidth="1"/>
    <col min="35" max="35" width="13.125" style="1" customWidth="1"/>
    <col min="36" max="36" width="4.875" style="1" customWidth="1"/>
    <col min="37" max="16384" width="9" style="1"/>
  </cols>
  <sheetData>
    <row r="1" spans="1:36" s="2" customFormat="1" ht="21" customHeight="1" x14ac:dyDescent="0.15">
      <c r="A1" s="62" t="s">
        <v>94</v>
      </c>
      <c r="C1" s="60"/>
      <c r="D1" s="60"/>
      <c r="E1" s="60"/>
      <c r="F1" s="60"/>
      <c r="G1" s="60"/>
      <c r="H1" s="60"/>
      <c r="I1" s="60"/>
      <c r="J1" s="60"/>
      <c r="K1" s="60"/>
      <c r="L1" s="60"/>
      <c r="M1" s="60"/>
      <c r="N1" s="60"/>
      <c r="O1" s="60"/>
      <c r="P1" s="60"/>
      <c r="Q1" s="60"/>
      <c r="R1" s="60"/>
      <c r="S1" s="88" t="s">
        <v>93</v>
      </c>
      <c r="T1" s="60"/>
      <c r="U1" s="60"/>
      <c r="V1" s="60"/>
      <c r="W1" s="60"/>
      <c r="X1" s="60"/>
      <c r="Y1" s="60"/>
      <c r="Z1" s="60"/>
      <c r="AA1" s="60"/>
      <c r="AB1" s="60"/>
      <c r="AC1" s="60"/>
      <c r="AD1" s="60"/>
      <c r="AE1" s="60"/>
      <c r="AF1" s="60"/>
      <c r="AG1" s="60"/>
      <c r="AH1" s="60"/>
      <c r="AI1" s="60"/>
      <c r="AJ1" s="60"/>
    </row>
    <row r="2" spans="1:36" s="2" customFormat="1" ht="7.5" customHeight="1" thickBot="1" x14ac:dyDescent="0.2">
      <c r="A2" s="61"/>
      <c r="C2" s="60"/>
      <c r="D2" s="60"/>
      <c r="E2" s="60"/>
      <c r="F2" s="60"/>
      <c r="G2" s="60"/>
      <c r="H2" s="60"/>
      <c r="I2" s="60"/>
      <c r="J2" s="60"/>
      <c r="K2" s="60"/>
      <c r="L2" s="60"/>
      <c r="M2" s="60"/>
      <c r="N2" s="60"/>
      <c r="O2" s="60"/>
      <c r="P2" s="60"/>
      <c r="Q2" s="60"/>
      <c r="R2" s="60"/>
      <c r="S2" s="60"/>
      <c r="T2" s="60"/>
      <c r="U2" s="60"/>
      <c r="V2" s="60"/>
      <c r="W2" s="60"/>
      <c r="X2" s="60"/>
      <c r="Y2" s="60"/>
      <c r="Z2" s="60"/>
      <c r="AA2" s="60"/>
      <c r="AB2" s="60"/>
      <c r="AC2" s="60"/>
      <c r="AD2" s="60"/>
      <c r="AE2" s="60"/>
      <c r="AF2" s="60"/>
      <c r="AG2" s="60"/>
      <c r="AH2" s="60"/>
      <c r="AI2" s="60"/>
      <c r="AJ2" s="58"/>
    </row>
    <row r="3" spans="1:36" ht="11.25" x14ac:dyDescent="0.15">
      <c r="A3" s="341" t="s">
        <v>57</v>
      </c>
      <c r="B3" s="342"/>
      <c r="C3" s="347" t="s">
        <v>59</v>
      </c>
      <c r="D3" s="348"/>
      <c r="E3" s="348"/>
      <c r="F3" s="348"/>
      <c r="G3" s="348"/>
      <c r="H3" s="348"/>
      <c r="I3" s="348"/>
      <c r="J3" s="348"/>
      <c r="K3" s="349" t="s">
        <v>58</v>
      </c>
      <c r="L3" s="348"/>
      <c r="M3" s="348"/>
      <c r="N3" s="348"/>
      <c r="O3" s="348"/>
      <c r="P3" s="348"/>
      <c r="Q3" s="348"/>
      <c r="R3" s="350"/>
      <c r="S3" s="341" t="s">
        <v>57</v>
      </c>
      <c r="T3" s="351"/>
      <c r="U3" s="347" t="s">
        <v>56</v>
      </c>
      <c r="V3" s="348"/>
      <c r="W3" s="348"/>
      <c r="X3" s="348"/>
      <c r="Y3" s="348"/>
      <c r="Z3" s="348"/>
      <c r="AA3" s="348"/>
      <c r="AB3" s="350"/>
      <c r="AC3" s="348" t="s">
        <v>75</v>
      </c>
      <c r="AD3" s="348"/>
      <c r="AE3" s="348"/>
      <c r="AF3" s="348"/>
      <c r="AG3" s="348"/>
      <c r="AH3" s="348"/>
      <c r="AI3" s="348"/>
      <c r="AJ3" s="350"/>
    </row>
    <row r="4" spans="1:36" ht="10.5" customHeight="1" x14ac:dyDescent="0.15">
      <c r="A4" s="343"/>
      <c r="B4" s="344"/>
      <c r="C4" s="338" t="s">
        <v>53</v>
      </c>
      <c r="D4" s="340"/>
      <c r="E4" s="338" t="s">
        <v>52</v>
      </c>
      <c r="F4" s="340"/>
      <c r="G4" s="338" t="s">
        <v>51</v>
      </c>
      <c r="H4" s="340"/>
      <c r="I4" s="338" t="s">
        <v>50</v>
      </c>
      <c r="J4" s="339"/>
      <c r="K4" s="338" t="s">
        <v>53</v>
      </c>
      <c r="L4" s="340"/>
      <c r="M4" s="338" t="s">
        <v>54</v>
      </c>
      <c r="N4" s="340"/>
      <c r="O4" s="338" t="s">
        <v>51</v>
      </c>
      <c r="P4" s="340"/>
      <c r="Q4" s="338" t="s">
        <v>50</v>
      </c>
      <c r="R4" s="339"/>
      <c r="S4" s="343"/>
      <c r="T4" s="352"/>
      <c r="U4" s="338" t="s">
        <v>53</v>
      </c>
      <c r="V4" s="340"/>
      <c r="W4" s="338" t="s">
        <v>52</v>
      </c>
      <c r="X4" s="340"/>
      <c r="Y4" s="338" t="s">
        <v>51</v>
      </c>
      <c r="Z4" s="340"/>
      <c r="AA4" s="338" t="s">
        <v>50</v>
      </c>
      <c r="AB4" s="339"/>
      <c r="AC4" s="338" t="s">
        <v>53</v>
      </c>
      <c r="AD4" s="340"/>
      <c r="AE4" s="338" t="s">
        <v>52</v>
      </c>
      <c r="AF4" s="340"/>
      <c r="AG4" s="338" t="s">
        <v>51</v>
      </c>
      <c r="AH4" s="340"/>
      <c r="AI4" s="338" t="s">
        <v>50</v>
      </c>
      <c r="AJ4" s="339"/>
    </row>
    <row r="5" spans="1:36" ht="10.5" customHeight="1" thickBot="1" x14ac:dyDescent="0.2">
      <c r="A5" s="345"/>
      <c r="B5" s="346"/>
      <c r="C5" s="25" t="s">
        <v>89</v>
      </c>
      <c r="D5" s="56" t="s">
        <v>48</v>
      </c>
      <c r="E5" s="57" t="s">
        <v>89</v>
      </c>
      <c r="F5" s="57" t="s">
        <v>48</v>
      </c>
      <c r="G5" s="25" t="s">
        <v>89</v>
      </c>
      <c r="H5" s="56" t="s">
        <v>48</v>
      </c>
      <c r="I5" s="25" t="s">
        <v>89</v>
      </c>
      <c r="J5" s="55" t="s">
        <v>48</v>
      </c>
      <c r="K5" s="25" t="s">
        <v>89</v>
      </c>
      <c r="L5" s="56" t="s">
        <v>48</v>
      </c>
      <c r="M5" s="57" t="s">
        <v>89</v>
      </c>
      <c r="N5" s="57" t="s">
        <v>48</v>
      </c>
      <c r="O5" s="25" t="s">
        <v>89</v>
      </c>
      <c r="P5" s="56" t="s">
        <v>48</v>
      </c>
      <c r="Q5" s="25" t="s">
        <v>89</v>
      </c>
      <c r="R5" s="55" t="s">
        <v>48</v>
      </c>
      <c r="S5" s="345"/>
      <c r="T5" s="353"/>
      <c r="U5" s="25" t="s">
        <v>89</v>
      </c>
      <c r="V5" s="56" t="s">
        <v>48</v>
      </c>
      <c r="W5" s="57" t="s">
        <v>89</v>
      </c>
      <c r="X5" s="57" t="s">
        <v>48</v>
      </c>
      <c r="Y5" s="25" t="s">
        <v>89</v>
      </c>
      <c r="Z5" s="56" t="s">
        <v>48</v>
      </c>
      <c r="AA5" s="25" t="s">
        <v>89</v>
      </c>
      <c r="AB5" s="55" t="s">
        <v>48</v>
      </c>
      <c r="AC5" s="25" t="s">
        <v>89</v>
      </c>
      <c r="AD5" s="56" t="s">
        <v>48</v>
      </c>
      <c r="AE5" s="57" t="s">
        <v>89</v>
      </c>
      <c r="AF5" s="57" t="s">
        <v>48</v>
      </c>
      <c r="AG5" s="25" t="s">
        <v>89</v>
      </c>
      <c r="AH5" s="56" t="s">
        <v>48</v>
      </c>
      <c r="AI5" s="25" t="s">
        <v>89</v>
      </c>
      <c r="AJ5" s="55" t="s">
        <v>48</v>
      </c>
    </row>
    <row r="6" spans="1:36" ht="14.1" customHeight="1" thickTop="1" x14ac:dyDescent="0.15">
      <c r="A6" s="48">
        <v>1</v>
      </c>
      <c r="B6" s="53" t="s">
        <v>47</v>
      </c>
      <c r="C6" s="34">
        <v>131965</v>
      </c>
      <c r="D6" s="34">
        <v>22</v>
      </c>
      <c r="E6" s="34">
        <v>11215290</v>
      </c>
      <c r="F6" s="34">
        <v>1</v>
      </c>
      <c r="G6" s="34">
        <v>192444</v>
      </c>
      <c r="H6" s="34">
        <v>13</v>
      </c>
      <c r="I6" s="34">
        <v>131981</v>
      </c>
      <c r="J6" s="36">
        <v>22</v>
      </c>
      <c r="K6" s="34">
        <v>214821</v>
      </c>
      <c r="L6" s="34">
        <v>10</v>
      </c>
      <c r="M6" s="34">
        <v>-199001</v>
      </c>
      <c r="N6" s="34">
        <v>33</v>
      </c>
      <c r="O6" s="34">
        <v>310138</v>
      </c>
      <c r="P6" s="34">
        <v>5</v>
      </c>
      <c r="Q6" s="34">
        <v>214820</v>
      </c>
      <c r="R6" s="36">
        <v>10</v>
      </c>
      <c r="S6" s="48">
        <v>1</v>
      </c>
      <c r="T6" s="34" t="s">
        <v>47</v>
      </c>
      <c r="U6" s="34">
        <v>28422</v>
      </c>
      <c r="V6" s="34">
        <v>8</v>
      </c>
      <c r="W6" s="34">
        <v>-2320</v>
      </c>
      <c r="X6" s="34">
        <v>33</v>
      </c>
      <c r="Y6" s="34">
        <v>36242</v>
      </c>
      <c r="Z6" s="34">
        <v>5</v>
      </c>
      <c r="AA6" s="34">
        <v>28422</v>
      </c>
      <c r="AB6" s="36">
        <v>8</v>
      </c>
      <c r="AC6" s="34">
        <v>384139</v>
      </c>
      <c r="AD6" s="34">
        <v>17</v>
      </c>
      <c r="AE6" s="34">
        <v>11012749</v>
      </c>
      <c r="AF6" s="34">
        <v>1</v>
      </c>
      <c r="AG6" s="34">
        <v>549042</v>
      </c>
      <c r="AH6" s="33">
        <v>7</v>
      </c>
      <c r="AI6" s="34">
        <v>384155</v>
      </c>
      <c r="AJ6" s="31">
        <v>17</v>
      </c>
    </row>
    <row r="7" spans="1:36" ht="14.1" customHeight="1" x14ac:dyDescent="0.15">
      <c r="A7" s="38">
        <v>2</v>
      </c>
      <c r="B7" s="53" t="s">
        <v>46</v>
      </c>
      <c r="C7" s="34">
        <v>131437</v>
      </c>
      <c r="D7" s="34">
        <v>23</v>
      </c>
      <c r="E7" s="34">
        <v>0</v>
      </c>
      <c r="F7" s="34">
        <v>2</v>
      </c>
      <c r="G7" s="34">
        <v>213992</v>
      </c>
      <c r="H7" s="34">
        <v>4</v>
      </c>
      <c r="I7" s="34">
        <v>131424</v>
      </c>
      <c r="J7" s="36">
        <v>23</v>
      </c>
      <c r="K7" s="34">
        <v>204894</v>
      </c>
      <c r="L7" s="34">
        <v>19</v>
      </c>
      <c r="M7" s="34">
        <v>0</v>
      </c>
      <c r="N7" s="34">
        <v>2</v>
      </c>
      <c r="O7" s="34">
        <v>316945</v>
      </c>
      <c r="P7" s="34">
        <v>2</v>
      </c>
      <c r="Q7" s="34">
        <v>204893</v>
      </c>
      <c r="R7" s="36">
        <v>19</v>
      </c>
      <c r="S7" s="38">
        <v>2</v>
      </c>
      <c r="T7" s="34" t="s">
        <v>46</v>
      </c>
      <c r="U7" s="34">
        <v>26998</v>
      </c>
      <c r="V7" s="34">
        <v>20</v>
      </c>
      <c r="W7" s="34">
        <v>0</v>
      </c>
      <c r="X7" s="34">
        <v>2</v>
      </c>
      <c r="Y7" s="34">
        <v>35343</v>
      </c>
      <c r="Z7" s="34">
        <v>10</v>
      </c>
      <c r="AA7" s="34">
        <v>26998</v>
      </c>
      <c r="AB7" s="36">
        <v>20</v>
      </c>
      <c r="AC7" s="34">
        <v>371961</v>
      </c>
      <c r="AD7" s="34">
        <v>21</v>
      </c>
      <c r="AE7" s="34">
        <v>0</v>
      </c>
      <c r="AF7" s="34">
        <v>3</v>
      </c>
      <c r="AG7" s="34">
        <v>577587</v>
      </c>
      <c r="AH7" s="33">
        <v>2</v>
      </c>
      <c r="AI7" s="34">
        <v>371946</v>
      </c>
      <c r="AJ7" s="31">
        <v>21</v>
      </c>
    </row>
    <row r="8" spans="1:36" ht="14.1" customHeight="1" x14ac:dyDescent="0.15">
      <c r="A8" s="38">
        <v>3</v>
      </c>
      <c r="B8" s="53" t="s">
        <v>45</v>
      </c>
      <c r="C8" s="34">
        <v>139764</v>
      </c>
      <c r="D8" s="34">
        <v>15</v>
      </c>
      <c r="E8" s="34">
        <v>0</v>
      </c>
      <c r="F8" s="34">
        <v>2</v>
      </c>
      <c r="G8" s="34">
        <v>187071</v>
      </c>
      <c r="H8" s="34">
        <v>19</v>
      </c>
      <c r="I8" s="34">
        <v>139763</v>
      </c>
      <c r="J8" s="36">
        <v>15</v>
      </c>
      <c r="K8" s="34">
        <v>226198</v>
      </c>
      <c r="L8" s="34">
        <v>4</v>
      </c>
      <c r="M8" s="34">
        <v>0</v>
      </c>
      <c r="N8" s="34">
        <v>2</v>
      </c>
      <c r="O8" s="34">
        <v>315201</v>
      </c>
      <c r="P8" s="34">
        <v>4</v>
      </c>
      <c r="Q8" s="34">
        <v>226198</v>
      </c>
      <c r="R8" s="36">
        <v>4</v>
      </c>
      <c r="S8" s="38">
        <v>3</v>
      </c>
      <c r="T8" s="34" t="s">
        <v>45</v>
      </c>
      <c r="U8" s="34">
        <v>28699</v>
      </c>
      <c r="V8" s="34">
        <v>7</v>
      </c>
      <c r="W8" s="34">
        <v>0</v>
      </c>
      <c r="X8" s="34">
        <v>2</v>
      </c>
      <c r="Y8" s="34">
        <v>35354</v>
      </c>
      <c r="Z8" s="34">
        <v>9</v>
      </c>
      <c r="AA8" s="34">
        <v>28699</v>
      </c>
      <c r="AB8" s="36">
        <v>7</v>
      </c>
      <c r="AC8" s="34">
        <v>401041</v>
      </c>
      <c r="AD8" s="34">
        <v>9</v>
      </c>
      <c r="AE8" s="34">
        <v>0</v>
      </c>
      <c r="AF8" s="34">
        <v>3</v>
      </c>
      <c r="AG8" s="34">
        <v>544386</v>
      </c>
      <c r="AH8" s="33">
        <v>8</v>
      </c>
      <c r="AI8" s="34">
        <v>401040</v>
      </c>
      <c r="AJ8" s="31">
        <v>9</v>
      </c>
    </row>
    <row r="9" spans="1:36" ht="14.1" customHeight="1" x14ac:dyDescent="0.15">
      <c r="A9" s="38">
        <v>4</v>
      </c>
      <c r="B9" s="53" t="s">
        <v>44</v>
      </c>
      <c r="C9" s="34">
        <v>139284</v>
      </c>
      <c r="D9" s="34">
        <v>16</v>
      </c>
      <c r="E9" s="34">
        <v>0</v>
      </c>
      <c r="F9" s="34">
        <v>2</v>
      </c>
      <c r="G9" s="34">
        <v>186320</v>
      </c>
      <c r="H9" s="34">
        <v>21</v>
      </c>
      <c r="I9" s="34">
        <v>139284</v>
      </c>
      <c r="J9" s="36">
        <v>16</v>
      </c>
      <c r="K9" s="34">
        <v>212072</v>
      </c>
      <c r="L9" s="34">
        <v>13</v>
      </c>
      <c r="M9" s="34">
        <v>0</v>
      </c>
      <c r="N9" s="34">
        <v>2</v>
      </c>
      <c r="O9" s="34">
        <v>288075</v>
      </c>
      <c r="P9" s="34">
        <v>20</v>
      </c>
      <c r="Q9" s="34">
        <v>212069</v>
      </c>
      <c r="R9" s="36">
        <v>13</v>
      </c>
      <c r="S9" s="38">
        <v>4</v>
      </c>
      <c r="T9" s="34" t="s">
        <v>44</v>
      </c>
      <c r="U9" s="34">
        <v>27151</v>
      </c>
      <c r="V9" s="34">
        <v>18</v>
      </c>
      <c r="W9" s="34">
        <v>0</v>
      </c>
      <c r="X9" s="34">
        <v>2</v>
      </c>
      <c r="Y9" s="34">
        <v>33714</v>
      </c>
      <c r="Z9" s="34">
        <v>19</v>
      </c>
      <c r="AA9" s="34">
        <v>27150</v>
      </c>
      <c r="AB9" s="36">
        <v>18</v>
      </c>
      <c r="AC9" s="34">
        <v>386967</v>
      </c>
      <c r="AD9" s="34">
        <v>14</v>
      </c>
      <c r="AE9" s="34">
        <v>0</v>
      </c>
      <c r="AF9" s="34">
        <v>3</v>
      </c>
      <c r="AG9" s="34">
        <v>517704</v>
      </c>
      <c r="AH9" s="33">
        <v>18</v>
      </c>
      <c r="AI9" s="34">
        <v>386962</v>
      </c>
      <c r="AJ9" s="31">
        <v>14</v>
      </c>
    </row>
    <row r="10" spans="1:36" ht="14.1" customHeight="1" x14ac:dyDescent="0.15">
      <c r="A10" s="38">
        <v>5</v>
      </c>
      <c r="B10" s="53" t="s">
        <v>43</v>
      </c>
      <c r="C10" s="34">
        <v>115852</v>
      </c>
      <c r="D10" s="34">
        <v>31</v>
      </c>
      <c r="E10" s="34">
        <v>-8980</v>
      </c>
      <c r="F10" s="34">
        <v>33</v>
      </c>
      <c r="G10" s="34">
        <v>164677</v>
      </c>
      <c r="H10" s="34">
        <v>30</v>
      </c>
      <c r="I10" s="34">
        <v>115849</v>
      </c>
      <c r="J10" s="36">
        <v>31</v>
      </c>
      <c r="K10" s="34">
        <v>208581</v>
      </c>
      <c r="L10" s="34">
        <v>17</v>
      </c>
      <c r="M10" s="34">
        <v>383270</v>
      </c>
      <c r="N10" s="34">
        <v>1</v>
      </c>
      <c r="O10" s="34">
        <v>291871</v>
      </c>
      <c r="P10" s="34">
        <v>17</v>
      </c>
      <c r="Q10" s="34">
        <v>208586</v>
      </c>
      <c r="R10" s="36">
        <v>17</v>
      </c>
      <c r="S10" s="38">
        <v>5</v>
      </c>
      <c r="T10" s="34" t="s">
        <v>43</v>
      </c>
      <c r="U10" s="34">
        <v>30301</v>
      </c>
      <c r="V10" s="34">
        <v>1</v>
      </c>
      <c r="W10" s="34">
        <v>90980</v>
      </c>
      <c r="X10" s="34">
        <v>1</v>
      </c>
      <c r="Y10" s="34">
        <v>36574</v>
      </c>
      <c r="Z10" s="34">
        <v>3</v>
      </c>
      <c r="AA10" s="34">
        <v>30302</v>
      </c>
      <c r="AB10" s="36">
        <v>1</v>
      </c>
      <c r="AC10" s="34">
        <v>360585</v>
      </c>
      <c r="AD10" s="34">
        <v>27</v>
      </c>
      <c r="AE10" s="34">
        <v>465270</v>
      </c>
      <c r="AF10" s="34">
        <v>2</v>
      </c>
      <c r="AG10" s="34">
        <v>499493</v>
      </c>
      <c r="AH10" s="33">
        <v>26</v>
      </c>
      <c r="AI10" s="34">
        <v>360588</v>
      </c>
      <c r="AJ10" s="31">
        <v>27</v>
      </c>
    </row>
    <row r="11" spans="1:36" ht="14.1" customHeight="1" x14ac:dyDescent="0.15">
      <c r="A11" s="38">
        <v>6</v>
      </c>
      <c r="B11" s="53" t="s">
        <v>42</v>
      </c>
      <c r="C11" s="34">
        <v>119411</v>
      </c>
      <c r="D11" s="34">
        <v>30</v>
      </c>
      <c r="E11" s="34">
        <v>0</v>
      </c>
      <c r="F11" s="34">
        <v>2</v>
      </c>
      <c r="G11" s="34">
        <v>173299</v>
      </c>
      <c r="H11" s="34">
        <v>27</v>
      </c>
      <c r="I11" s="34">
        <v>119411</v>
      </c>
      <c r="J11" s="36">
        <v>30</v>
      </c>
      <c r="K11" s="34">
        <v>199669</v>
      </c>
      <c r="L11" s="34">
        <v>29</v>
      </c>
      <c r="M11" s="34">
        <v>0</v>
      </c>
      <c r="N11" s="34">
        <v>2</v>
      </c>
      <c r="O11" s="34">
        <v>294554</v>
      </c>
      <c r="P11" s="34">
        <v>13</v>
      </c>
      <c r="Q11" s="34">
        <v>199669</v>
      </c>
      <c r="R11" s="36">
        <v>29</v>
      </c>
      <c r="S11" s="38">
        <v>6</v>
      </c>
      <c r="T11" s="34" t="s">
        <v>42</v>
      </c>
      <c r="U11" s="34">
        <v>28396</v>
      </c>
      <c r="V11" s="34">
        <v>10</v>
      </c>
      <c r="W11" s="34">
        <v>0</v>
      </c>
      <c r="X11" s="34">
        <v>2</v>
      </c>
      <c r="Y11" s="34">
        <v>35435</v>
      </c>
      <c r="Z11" s="34">
        <v>7</v>
      </c>
      <c r="AA11" s="34">
        <v>28396</v>
      </c>
      <c r="AB11" s="36">
        <v>10</v>
      </c>
      <c r="AC11" s="34">
        <v>356149</v>
      </c>
      <c r="AD11" s="34">
        <v>30</v>
      </c>
      <c r="AE11" s="34">
        <v>0</v>
      </c>
      <c r="AF11" s="34">
        <v>3</v>
      </c>
      <c r="AG11" s="34">
        <v>513176</v>
      </c>
      <c r="AH11" s="33">
        <v>19</v>
      </c>
      <c r="AI11" s="34">
        <v>356149</v>
      </c>
      <c r="AJ11" s="31">
        <v>30</v>
      </c>
    </row>
    <row r="12" spans="1:36" ht="14.1" customHeight="1" x14ac:dyDescent="0.15">
      <c r="A12" s="38">
        <v>7</v>
      </c>
      <c r="B12" s="53" t="s">
        <v>41</v>
      </c>
      <c r="C12" s="34">
        <v>160168</v>
      </c>
      <c r="D12" s="34">
        <v>6</v>
      </c>
      <c r="E12" s="34">
        <v>0</v>
      </c>
      <c r="F12" s="34">
        <v>2</v>
      </c>
      <c r="G12" s="34">
        <v>217265</v>
      </c>
      <c r="H12" s="34">
        <v>2</v>
      </c>
      <c r="I12" s="34">
        <v>160168</v>
      </c>
      <c r="J12" s="36">
        <v>6</v>
      </c>
      <c r="K12" s="34">
        <v>215659</v>
      </c>
      <c r="L12" s="34">
        <v>9</v>
      </c>
      <c r="M12" s="34">
        <v>0</v>
      </c>
      <c r="N12" s="34">
        <v>2</v>
      </c>
      <c r="O12" s="34">
        <v>296972</v>
      </c>
      <c r="P12" s="34">
        <v>11</v>
      </c>
      <c r="Q12" s="34">
        <v>215659</v>
      </c>
      <c r="R12" s="36">
        <v>9</v>
      </c>
      <c r="S12" s="38">
        <v>7</v>
      </c>
      <c r="T12" s="34" t="s">
        <v>41</v>
      </c>
      <c r="U12" s="34">
        <v>28400</v>
      </c>
      <c r="V12" s="34">
        <v>9</v>
      </c>
      <c r="W12" s="34">
        <v>0</v>
      </c>
      <c r="X12" s="34">
        <v>2</v>
      </c>
      <c r="Y12" s="34">
        <v>34804</v>
      </c>
      <c r="Z12" s="34">
        <v>14</v>
      </c>
      <c r="AA12" s="34">
        <v>28399</v>
      </c>
      <c r="AB12" s="36">
        <v>9</v>
      </c>
      <c r="AC12" s="34">
        <v>412051</v>
      </c>
      <c r="AD12" s="34">
        <v>6</v>
      </c>
      <c r="AE12" s="34">
        <v>0</v>
      </c>
      <c r="AF12" s="34">
        <v>3</v>
      </c>
      <c r="AG12" s="34">
        <v>557794</v>
      </c>
      <c r="AH12" s="33">
        <v>5</v>
      </c>
      <c r="AI12" s="34">
        <v>412050</v>
      </c>
      <c r="AJ12" s="31">
        <v>6</v>
      </c>
    </row>
    <row r="13" spans="1:36" ht="14.1" customHeight="1" x14ac:dyDescent="0.15">
      <c r="A13" s="38">
        <v>8</v>
      </c>
      <c r="B13" s="53" t="s">
        <v>40</v>
      </c>
      <c r="C13" s="34">
        <v>121213</v>
      </c>
      <c r="D13" s="34">
        <v>29</v>
      </c>
      <c r="E13" s="34">
        <v>0</v>
      </c>
      <c r="F13" s="34">
        <v>2</v>
      </c>
      <c r="G13" s="34">
        <v>173600</v>
      </c>
      <c r="H13" s="34">
        <v>26</v>
      </c>
      <c r="I13" s="34">
        <v>121212</v>
      </c>
      <c r="J13" s="36">
        <v>29</v>
      </c>
      <c r="K13" s="34">
        <v>204076</v>
      </c>
      <c r="L13" s="34">
        <v>20</v>
      </c>
      <c r="M13" s="34">
        <v>0</v>
      </c>
      <c r="N13" s="34">
        <v>2</v>
      </c>
      <c r="O13" s="34">
        <v>291462</v>
      </c>
      <c r="P13" s="34">
        <v>18</v>
      </c>
      <c r="Q13" s="34">
        <v>204076</v>
      </c>
      <c r="R13" s="36">
        <v>20</v>
      </c>
      <c r="S13" s="38">
        <v>8</v>
      </c>
      <c r="T13" s="34" t="s">
        <v>40</v>
      </c>
      <c r="U13" s="34">
        <v>27541</v>
      </c>
      <c r="V13" s="34">
        <v>14</v>
      </c>
      <c r="W13" s="34">
        <v>0</v>
      </c>
      <c r="X13" s="34">
        <v>2</v>
      </c>
      <c r="Y13" s="34">
        <v>34709</v>
      </c>
      <c r="Z13" s="34">
        <v>15</v>
      </c>
      <c r="AA13" s="34">
        <v>27541</v>
      </c>
      <c r="AB13" s="36">
        <v>14</v>
      </c>
      <c r="AC13" s="34">
        <v>360370</v>
      </c>
      <c r="AD13" s="34">
        <v>28</v>
      </c>
      <c r="AE13" s="34">
        <v>0</v>
      </c>
      <c r="AF13" s="34">
        <v>3</v>
      </c>
      <c r="AG13" s="34">
        <v>508658</v>
      </c>
      <c r="AH13" s="33">
        <v>22</v>
      </c>
      <c r="AI13" s="34">
        <v>360369</v>
      </c>
      <c r="AJ13" s="31">
        <v>28</v>
      </c>
    </row>
    <row r="14" spans="1:36" ht="14.1" customHeight="1" x14ac:dyDescent="0.15">
      <c r="A14" s="38">
        <v>9</v>
      </c>
      <c r="B14" s="53" t="s">
        <v>39</v>
      </c>
      <c r="C14" s="34">
        <v>134461</v>
      </c>
      <c r="D14" s="34">
        <v>19</v>
      </c>
      <c r="E14" s="34">
        <v>0</v>
      </c>
      <c r="F14" s="34">
        <v>2</v>
      </c>
      <c r="G14" s="34">
        <v>201382</v>
      </c>
      <c r="H14" s="34">
        <v>6</v>
      </c>
      <c r="I14" s="34">
        <v>134460</v>
      </c>
      <c r="J14" s="36">
        <v>19</v>
      </c>
      <c r="K14" s="34">
        <v>227347</v>
      </c>
      <c r="L14" s="34">
        <v>2</v>
      </c>
      <c r="M14" s="34">
        <v>0</v>
      </c>
      <c r="N14" s="34">
        <v>2</v>
      </c>
      <c r="O14" s="34">
        <v>330529</v>
      </c>
      <c r="P14" s="34">
        <v>1</v>
      </c>
      <c r="Q14" s="34">
        <v>227347</v>
      </c>
      <c r="R14" s="36">
        <v>2</v>
      </c>
      <c r="S14" s="38">
        <v>9</v>
      </c>
      <c r="T14" s="34" t="s">
        <v>39</v>
      </c>
      <c r="U14" s="34">
        <v>29955</v>
      </c>
      <c r="V14" s="34">
        <v>2</v>
      </c>
      <c r="W14" s="34">
        <v>0</v>
      </c>
      <c r="X14" s="34">
        <v>2</v>
      </c>
      <c r="Y14" s="34">
        <v>38261</v>
      </c>
      <c r="Z14" s="34">
        <v>1</v>
      </c>
      <c r="AA14" s="34">
        <v>29955</v>
      </c>
      <c r="AB14" s="36">
        <v>2</v>
      </c>
      <c r="AC14" s="34">
        <v>398776</v>
      </c>
      <c r="AD14" s="34">
        <v>10</v>
      </c>
      <c r="AE14" s="34">
        <v>0</v>
      </c>
      <c r="AF14" s="34">
        <v>3</v>
      </c>
      <c r="AG14" s="34">
        <v>577645</v>
      </c>
      <c r="AH14" s="33">
        <v>1</v>
      </c>
      <c r="AI14" s="34">
        <v>398775</v>
      </c>
      <c r="AJ14" s="31">
        <v>10</v>
      </c>
    </row>
    <row r="15" spans="1:36" ht="14.1" customHeight="1" x14ac:dyDescent="0.15">
      <c r="A15" s="38">
        <v>10</v>
      </c>
      <c r="B15" s="53" t="s">
        <v>38</v>
      </c>
      <c r="C15" s="34">
        <v>131023</v>
      </c>
      <c r="D15" s="34">
        <v>25</v>
      </c>
      <c r="E15" s="34">
        <v>0</v>
      </c>
      <c r="F15" s="34">
        <v>2</v>
      </c>
      <c r="G15" s="34">
        <v>189325</v>
      </c>
      <c r="H15" s="34">
        <v>14</v>
      </c>
      <c r="I15" s="34">
        <v>131023</v>
      </c>
      <c r="J15" s="36">
        <v>25</v>
      </c>
      <c r="K15" s="34">
        <v>201057</v>
      </c>
      <c r="L15" s="34">
        <v>26</v>
      </c>
      <c r="M15" s="34">
        <v>0</v>
      </c>
      <c r="N15" s="34">
        <v>2</v>
      </c>
      <c r="O15" s="34">
        <v>290163</v>
      </c>
      <c r="P15" s="34">
        <v>19</v>
      </c>
      <c r="Q15" s="34">
        <v>201057</v>
      </c>
      <c r="R15" s="36">
        <v>26</v>
      </c>
      <c r="S15" s="38">
        <v>10</v>
      </c>
      <c r="T15" s="34" t="s">
        <v>38</v>
      </c>
      <c r="U15" s="34">
        <v>27251</v>
      </c>
      <c r="V15" s="34">
        <v>15</v>
      </c>
      <c r="W15" s="34">
        <v>0</v>
      </c>
      <c r="X15" s="34">
        <v>2</v>
      </c>
      <c r="Y15" s="34">
        <v>34442</v>
      </c>
      <c r="Z15" s="34">
        <v>17</v>
      </c>
      <c r="AA15" s="34">
        <v>27251</v>
      </c>
      <c r="AB15" s="36">
        <v>15</v>
      </c>
      <c r="AC15" s="34">
        <v>367231</v>
      </c>
      <c r="AD15" s="34">
        <v>24</v>
      </c>
      <c r="AE15" s="34">
        <v>0</v>
      </c>
      <c r="AF15" s="34">
        <v>3</v>
      </c>
      <c r="AG15" s="34">
        <v>522754</v>
      </c>
      <c r="AH15" s="33">
        <v>16</v>
      </c>
      <c r="AI15" s="34">
        <v>367231</v>
      </c>
      <c r="AJ15" s="31">
        <v>24</v>
      </c>
    </row>
    <row r="16" spans="1:36" ht="14.1" customHeight="1" x14ac:dyDescent="0.15">
      <c r="A16" s="38">
        <v>11</v>
      </c>
      <c r="B16" s="53" t="s">
        <v>37</v>
      </c>
      <c r="C16" s="34">
        <v>128705</v>
      </c>
      <c r="D16" s="34">
        <v>26</v>
      </c>
      <c r="E16" s="34">
        <v>0</v>
      </c>
      <c r="F16" s="34">
        <v>2</v>
      </c>
      <c r="G16" s="34">
        <v>184601</v>
      </c>
      <c r="H16" s="34">
        <v>23</v>
      </c>
      <c r="I16" s="34">
        <v>128704</v>
      </c>
      <c r="J16" s="36">
        <v>26</v>
      </c>
      <c r="K16" s="34">
        <v>213580</v>
      </c>
      <c r="L16" s="34">
        <v>12</v>
      </c>
      <c r="M16" s="34">
        <v>0</v>
      </c>
      <c r="N16" s="34">
        <v>2</v>
      </c>
      <c r="O16" s="34">
        <v>299883</v>
      </c>
      <c r="P16" s="34">
        <v>9</v>
      </c>
      <c r="Q16" s="34">
        <v>213580</v>
      </c>
      <c r="R16" s="36">
        <v>12</v>
      </c>
      <c r="S16" s="38">
        <v>11</v>
      </c>
      <c r="T16" s="34" t="s">
        <v>37</v>
      </c>
      <c r="U16" s="34">
        <v>27099</v>
      </c>
      <c r="V16" s="34">
        <v>19</v>
      </c>
      <c r="W16" s="34">
        <v>0</v>
      </c>
      <c r="X16" s="34">
        <v>2</v>
      </c>
      <c r="Y16" s="34">
        <v>33909</v>
      </c>
      <c r="Z16" s="34">
        <v>18</v>
      </c>
      <c r="AA16" s="34">
        <v>27099</v>
      </c>
      <c r="AB16" s="36">
        <v>19</v>
      </c>
      <c r="AC16" s="34">
        <v>376984</v>
      </c>
      <c r="AD16" s="34">
        <v>18</v>
      </c>
      <c r="AE16" s="34">
        <v>0</v>
      </c>
      <c r="AF16" s="34">
        <v>3</v>
      </c>
      <c r="AG16" s="34">
        <v>525150</v>
      </c>
      <c r="AH16" s="33">
        <v>14</v>
      </c>
      <c r="AI16" s="34">
        <v>376983</v>
      </c>
      <c r="AJ16" s="31">
        <v>18</v>
      </c>
    </row>
    <row r="17" spans="1:36" ht="14.1" customHeight="1" x14ac:dyDescent="0.15">
      <c r="A17" s="38">
        <v>12</v>
      </c>
      <c r="B17" s="53" t="s">
        <v>36</v>
      </c>
      <c r="C17" s="34">
        <v>141673</v>
      </c>
      <c r="D17" s="34">
        <v>14</v>
      </c>
      <c r="E17" s="34">
        <v>0</v>
      </c>
      <c r="F17" s="34">
        <v>2</v>
      </c>
      <c r="G17" s="34">
        <v>187361</v>
      </c>
      <c r="H17" s="34">
        <v>17</v>
      </c>
      <c r="I17" s="34">
        <v>141673</v>
      </c>
      <c r="J17" s="36">
        <v>14</v>
      </c>
      <c r="K17" s="34">
        <v>200888</v>
      </c>
      <c r="L17" s="34">
        <v>27</v>
      </c>
      <c r="M17" s="34">
        <v>0</v>
      </c>
      <c r="N17" s="34">
        <v>2</v>
      </c>
      <c r="O17" s="34">
        <v>273316</v>
      </c>
      <c r="P17" s="34">
        <v>28</v>
      </c>
      <c r="Q17" s="34">
        <v>200888</v>
      </c>
      <c r="R17" s="36">
        <v>27</v>
      </c>
      <c r="S17" s="38">
        <v>12</v>
      </c>
      <c r="T17" s="34" t="s">
        <v>36</v>
      </c>
      <c r="U17" s="34">
        <v>25610</v>
      </c>
      <c r="V17" s="34">
        <v>26</v>
      </c>
      <c r="W17" s="34">
        <v>0</v>
      </c>
      <c r="X17" s="34">
        <v>2</v>
      </c>
      <c r="Y17" s="34">
        <v>31591</v>
      </c>
      <c r="Z17" s="34">
        <v>27</v>
      </c>
      <c r="AA17" s="34">
        <v>25610</v>
      </c>
      <c r="AB17" s="36">
        <v>26</v>
      </c>
      <c r="AC17" s="34">
        <v>375617</v>
      </c>
      <c r="AD17" s="34">
        <v>19</v>
      </c>
      <c r="AE17" s="34">
        <v>0</v>
      </c>
      <c r="AF17" s="34">
        <v>3</v>
      </c>
      <c r="AG17" s="34">
        <v>501609</v>
      </c>
      <c r="AH17" s="33">
        <v>25</v>
      </c>
      <c r="AI17" s="34">
        <v>375617</v>
      </c>
      <c r="AJ17" s="31">
        <v>19</v>
      </c>
    </row>
    <row r="18" spans="1:36" ht="14.1" customHeight="1" x14ac:dyDescent="0.15">
      <c r="A18" s="38">
        <v>13</v>
      </c>
      <c r="B18" s="53" t="s">
        <v>35</v>
      </c>
      <c r="C18" s="34">
        <v>136112</v>
      </c>
      <c r="D18" s="34">
        <v>17</v>
      </c>
      <c r="E18" s="34">
        <v>0</v>
      </c>
      <c r="F18" s="34">
        <v>2</v>
      </c>
      <c r="G18" s="34">
        <v>186701</v>
      </c>
      <c r="H18" s="34">
        <v>20</v>
      </c>
      <c r="I18" s="34">
        <v>136112</v>
      </c>
      <c r="J18" s="36">
        <v>17</v>
      </c>
      <c r="K18" s="34">
        <v>196313</v>
      </c>
      <c r="L18" s="34">
        <v>32</v>
      </c>
      <c r="M18" s="34">
        <v>0</v>
      </c>
      <c r="N18" s="34">
        <v>2</v>
      </c>
      <c r="O18" s="34">
        <v>274495</v>
      </c>
      <c r="P18" s="34">
        <v>27</v>
      </c>
      <c r="Q18" s="34">
        <v>196313</v>
      </c>
      <c r="R18" s="36">
        <v>32</v>
      </c>
      <c r="S18" s="38">
        <v>13</v>
      </c>
      <c r="T18" s="34" t="s">
        <v>35</v>
      </c>
      <c r="U18" s="34">
        <v>24559</v>
      </c>
      <c r="V18" s="34">
        <v>29</v>
      </c>
      <c r="W18" s="34">
        <v>0</v>
      </c>
      <c r="X18" s="34">
        <v>2</v>
      </c>
      <c r="Y18" s="34">
        <v>31179</v>
      </c>
      <c r="Z18" s="34">
        <v>29</v>
      </c>
      <c r="AA18" s="34">
        <v>24559</v>
      </c>
      <c r="AB18" s="36">
        <v>29</v>
      </c>
      <c r="AC18" s="34">
        <v>363292</v>
      </c>
      <c r="AD18" s="34">
        <v>26</v>
      </c>
      <c r="AE18" s="34">
        <v>0</v>
      </c>
      <c r="AF18" s="34">
        <v>3</v>
      </c>
      <c r="AG18" s="34">
        <v>498858</v>
      </c>
      <c r="AH18" s="33">
        <v>27</v>
      </c>
      <c r="AI18" s="34">
        <v>363292</v>
      </c>
      <c r="AJ18" s="31">
        <v>26</v>
      </c>
    </row>
    <row r="19" spans="1:36" ht="14.1" customHeight="1" x14ac:dyDescent="0.15">
      <c r="A19" s="38">
        <v>14</v>
      </c>
      <c r="B19" s="53" t="s">
        <v>34</v>
      </c>
      <c r="C19" s="34">
        <v>122343</v>
      </c>
      <c r="D19" s="34">
        <v>28</v>
      </c>
      <c r="E19" s="34">
        <v>0</v>
      </c>
      <c r="F19" s="34">
        <v>2</v>
      </c>
      <c r="G19" s="34">
        <v>185282</v>
      </c>
      <c r="H19" s="34">
        <v>22</v>
      </c>
      <c r="I19" s="34">
        <v>122343</v>
      </c>
      <c r="J19" s="36">
        <v>28</v>
      </c>
      <c r="K19" s="34">
        <v>197224</v>
      </c>
      <c r="L19" s="34">
        <v>31</v>
      </c>
      <c r="M19" s="34">
        <v>0</v>
      </c>
      <c r="N19" s="34">
        <v>2</v>
      </c>
      <c r="O19" s="34">
        <v>294411</v>
      </c>
      <c r="P19" s="34">
        <v>14</v>
      </c>
      <c r="Q19" s="34">
        <v>197224</v>
      </c>
      <c r="R19" s="36">
        <v>31</v>
      </c>
      <c r="S19" s="38">
        <v>14</v>
      </c>
      <c r="T19" s="34" t="s">
        <v>34</v>
      </c>
      <c r="U19" s="34">
        <v>26916</v>
      </c>
      <c r="V19" s="34">
        <v>21</v>
      </c>
      <c r="W19" s="34">
        <v>0</v>
      </c>
      <c r="X19" s="34">
        <v>2</v>
      </c>
      <c r="Y19" s="34">
        <v>35201</v>
      </c>
      <c r="Z19" s="34">
        <v>12</v>
      </c>
      <c r="AA19" s="34">
        <v>26916</v>
      </c>
      <c r="AB19" s="36">
        <v>21</v>
      </c>
      <c r="AC19" s="34">
        <v>354484</v>
      </c>
      <c r="AD19" s="34">
        <v>31</v>
      </c>
      <c r="AE19" s="34">
        <v>0</v>
      </c>
      <c r="AF19" s="34">
        <v>3</v>
      </c>
      <c r="AG19" s="34">
        <v>524375</v>
      </c>
      <c r="AH19" s="33">
        <v>15</v>
      </c>
      <c r="AI19" s="34">
        <v>354483</v>
      </c>
      <c r="AJ19" s="31">
        <v>31</v>
      </c>
    </row>
    <row r="20" spans="1:36" ht="14.1" customHeight="1" x14ac:dyDescent="0.15">
      <c r="A20" s="38">
        <v>15</v>
      </c>
      <c r="B20" s="53" t="s">
        <v>33</v>
      </c>
      <c r="C20" s="34">
        <v>148211</v>
      </c>
      <c r="D20" s="34">
        <v>8</v>
      </c>
      <c r="E20" s="34">
        <v>0</v>
      </c>
      <c r="F20" s="34">
        <v>2</v>
      </c>
      <c r="G20" s="34">
        <v>196869</v>
      </c>
      <c r="H20" s="34">
        <v>8</v>
      </c>
      <c r="I20" s="34">
        <v>148211</v>
      </c>
      <c r="J20" s="36">
        <v>8</v>
      </c>
      <c r="K20" s="34">
        <v>214048</v>
      </c>
      <c r="L20" s="34">
        <v>11</v>
      </c>
      <c r="M20" s="34">
        <v>0</v>
      </c>
      <c r="N20" s="34">
        <v>2</v>
      </c>
      <c r="O20" s="34">
        <v>299431</v>
      </c>
      <c r="P20" s="34">
        <v>10</v>
      </c>
      <c r="Q20" s="34">
        <v>214048</v>
      </c>
      <c r="R20" s="36">
        <v>11</v>
      </c>
      <c r="S20" s="38">
        <v>15</v>
      </c>
      <c r="T20" s="34" t="s">
        <v>33</v>
      </c>
      <c r="U20" s="34">
        <v>28072</v>
      </c>
      <c r="V20" s="34">
        <v>11</v>
      </c>
      <c r="W20" s="34">
        <v>0</v>
      </c>
      <c r="X20" s="34">
        <v>2</v>
      </c>
      <c r="Y20" s="34">
        <v>35442</v>
      </c>
      <c r="Z20" s="34">
        <v>6</v>
      </c>
      <c r="AA20" s="34">
        <v>28072</v>
      </c>
      <c r="AB20" s="36">
        <v>11</v>
      </c>
      <c r="AC20" s="34">
        <v>398560</v>
      </c>
      <c r="AD20" s="34">
        <v>11</v>
      </c>
      <c r="AE20" s="34">
        <v>0</v>
      </c>
      <c r="AF20" s="34">
        <v>3</v>
      </c>
      <c r="AG20" s="34">
        <v>540835</v>
      </c>
      <c r="AH20" s="33">
        <v>9</v>
      </c>
      <c r="AI20" s="34">
        <v>398560</v>
      </c>
      <c r="AJ20" s="31">
        <v>11</v>
      </c>
    </row>
    <row r="21" spans="1:36" ht="14.1" customHeight="1" x14ac:dyDescent="0.15">
      <c r="A21" s="38">
        <v>16</v>
      </c>
      <c r="B21" s="53" t="s">
        <v>32</v>
      </c>
      <c r="C21" s="34">
        <v>122840</v>
      </c>
      <c r="D21" s="34">
        <v>27</v>
      </c>
      <c r="E21" s="34">
        <v>0</v>
      </c>
      <c r="F21" s="34">
        <v>2</v>
      </c>
      <c r="G21" s="34">
        <v>171729</v>
      </c>
      <c r="H21" s="34">
        <v>28</v>
      </c>
      <c r="I21" s="34">
        <v>122840</v>
      </c>
      <c r="J21" s="36">
        <v>27</v>
      </c>
      <c r="K21" s="34">
        <v>202785</v>
      </c>
      <c r="L21" s="34">
        <v>23</v>
      </c>
      <c r="M21" s="34">
        <v>0</v>
      </c>
      <c r="N21" s="34">
        <v>2</v>
      </c>
      <c r="O21" s="34">
        <v>280701</v>
      </c>
      <c r="P21" s="34">
        <v>22</v>
      </c>
      <c r="Q21" s="34">
        <v>202785</v>
      </c>
      <c r="R21" s="36">
        <v>23</v>
      </c>
      <c r="S21" s="38">
        <v>16</v>
      </c>
      <c r="T21" s="34" t="s">
        <v>32</v>
      </c>
      <c r="U21" s="34">
        <v>26109</v>
      </c>
      <c r="V21" s="34">
        <v>24</v>
      </c>
      <c r="W21" s="34">
        <v>0</v>
      </c>
      <c r="X21" s="34">
        <v>2</v>
      </c>
      <c r="Y21" s="34">
        <v>33090</v>
      </c>
      <c r="Z21" s="34">
        <v>20</v>
      </c>
      <c r="AA21" s="34">
        <v>26109</v>
      </c>
      <c r="AB21" s="36">
        <v>24</v>
      </c>
      <c r="AC21" s="34">
        <v>358724</v>
      </c>
      <c r="AD21" s="34">
        <v>29</v>
      </c>
      <c r="AE21" s="34">
        <v>0</v>
      </c>
      <c r="AF21" s="34">
        <v>3</v>
      </c>
      <c r="AG21" s="34">
        <v>493349</v>
      </c>
      <c r="AH21" s="33">
        <v>29</v>
      </c>
      <c r="AI21" s="34">
        <v>358724</v>
      </c>
      <c r="AJ21" s="31">
        <v>29</v>
      </c>
    </row>
    <row r="22" spans="1:36" ht="14.1" customHeight="1" x14ac:dyDescent="0.15">
      <c r="A22" s="38">
        <v>17</v>
      </c>
      <c r="B22" s="53" t="s">
        <v>31</v>
      </c>
      <c r="C22" s="34">
        <v>131040</v>
      </c>
      <c r="D22" s="34">
        <v>24</v>
      </c>
      <c r="E22" s="34">
        <v>0</v>
      </c>
      <c r="F22" s="34">
        <v>2</v>
      </c>
      <c r="G22" s="34">
        <v>188397</v>
      </c>
      <c r="H22" s="34">
        <v>15</v>
      </c>
      <c r="I22" s="34">
        <v>131040</v>
      </c>
      <c r="J22" s="84">
        <v>24</v>
      </c>
      <c r="K22" s="85">
        <v>203777</v>
      </c>
      <c r="L22" s="34">
        <v>21</v>
      </c>
      <c r="M22" s="34">
        <v>0</v>
      </c>
      <c r="N22" s="34">
        <v>2</v>
      </c>
      <c r="O22" s="34">
        <v>294237</v>
      </c>
      <c r="P22" s="34">
        <v>15</v>
      </c>
      <c r="Q22" s="34">
        <v>203777</v>
      </c>
      <c r="R22" s="84">
        <v>21</v>
      </c>
      <c r="S22" s="38">
        <v>17</v>
      </c>
      <c r="T22" s="34" t="s">
        <v>31</v>
      </c>
      <c r="U22" s="34">
        <v>28019</v>
      </c>
      <c r="V22" s="34">
        <v>12</v>
      </c>
      <c r="W22" s="34">
        <v>0</v>
      </c>
      <c r="X22" s="34">
        <v>2</v>
      </c>
      <c r="Y22" s="34">
        <v>35323</v>
      </c>
      <c r="Z22" s="34">
        <v>11</v>
      </c>
      <c r="AA22" s="34">
        <v>28016</v>
      </c>
      <c r="AB22" s="36">
        <v>12</v>
      </c>
      <c r="AC22" s="34">
        <v>371030</v>
      </c>
      <c r="AD22" s="34">
        <v>22</v>
      </c>
      <c r="AE22" s="34">
        <v>0</v>
      </c>
      <c r="AF22" s="34">
        <v>3</v>
      </c>
      <c r="AG22" s="34">
        <v>526745</v>
      </c>
      <c r="AH22" s="33">
        <v>12</v>
      </c>
      <c r="AI22" s="34">
        <v>371027</v>
      </c>
      <c r="AJ22" s="31">
        <v>22</v>
      </c>
    </row>
    <row r="23" spans="1:36" ht="14.1" customHeight="1" x14ac:dyDescent="0.15">
      <c r="A23" s="38">
        <v>18</v>
      </c>
      <c r="B23" s="53" t="s">
        <v>30</v>
      </c>
      <c r="C23" s="34">
        <v>145467</v>
      </c>
      <c r="D23" s="34">
        <v>11</v>
      </c>
      <c r="E23" s="34">
        <v>0</v>
      </c>
      <c r="F23" s="34">
        <v>2</v>
      </c>
      <c r="G23" s="34">
        <v>178234</v>
      </c>
      <c r="H23" s="34">
        <v>25</v>
      </c>
      <c r="I23" s="34">
        <v>145467</v>
      </c>
      <c r="J23" s="84">
        <v>11</v>
      </c>
      <c r="K23" s="85">
        <v>222842</v>
      </c>
      <c r="L23" s="34">
        <v>7</v>
      </c>
      <c r="M23" s="34">
        <v>0</v>
      </c>
      <c r="N23" s="34">
        <v>2</v>
      </c>
      <c r="O23" s="34">
        <v>296426</v>
      </c>
      <c r="P23" s="34">
        <v>12</v>
      </c>
      <c r="Q23" s="34">
        <v>222842</v>
      </c>
      <c r="R23" s="84">
        <v>7</v>
      </c>
      <c r="S23" s="38">
        <v>18</v>
      </c>
      <c r="T23" s="34" t="s">
        <v>30</v>
      </c>
      <c r="U23" s="34">
        <v>29034</v>
      </c>
      <c r="V23" s="34">
        <v>5</v>
      </c>
      <c r="W23" s="34">
        <v>0</v>
      </c>
      <c r="X23" s="34">
        <v>2</v>
      </c>
      <c r="Y23" s="34">
        <v>36558</v>
      </c>
      <c r="Z23" s="34">
        <v>4</v>
      </c>
      <c r="AA23" s="73">
        <v>29034</v>
      </c>
      <c r="AB23" s="36">
        <v>5</v>
      </c>
      <c r="AC23" s="34">
        <v>403651</v>
      </c>
      <c r="AD23" s="34">
        <v>8</v>
      </c>
      <c r="AE23" s="34">
        <v>0</v>
      </c>
      <c r="AF23" s="34">
        <v>3</v>
      </c>
      <c r="AG23" s="34">
        <v>518598</v>
      </c>
      <c r="AH23" s="33">
        <v>17</v>
      </c>
      <c r="AI23" s="34">
        <v>403651</v>
      </c>
      <c r="AJ23" s="31">
        <v>8</v>
      </c>
    </row>
    <row r="24" spans="1:36" ht="14.1" customHeight="1" x14ac:dyDescent="0.15">
      <c r="A24" s="38">
        <v>19</v>
      </c>
      <c r="B24" s="53" t="s">
        <v>29</v>
      </c>
      <c r="C24" s="34">
        <v>113106</v>
      </c>
      <c r="D24" s="34">
        <v>32</v>
      </c>
      <c r="E24" s="34">
        <v>0</v>
      </c>
      <c r="F24" s="34">
        <v>2</v>
      </c>
      <c r="G24" s="34">
        <v>187313</v>
      </c>
      <c r="H24" s="34">
        <v>18</v>
      </c>
      <c r="I24" s="34">
        <v>113105</v>
      </c>
      <c r="J24" s="84">
        <v>32</v>
      </c>
      <c r="K24" s="85">
        <v>201089</v>
      </c>
      <c r="L24" s="34">
        <v>25</v>
      </c>
      <c r="M24" s="34">
        <v>0</v>
      </c>
      <c r="N24" s="34">
        <v>2</v>
      </c>
      <c r="O24" s="34">
        <v>307556</v>
      </c>
      <c r="P24" s="34">
        <v>6</v>
      </c>
      <c r="Q24" s="34">
        <v>201089</v>
      </c>
      <c r="R24" s="84">
        <v>25</v>
      </c>
      <c r="S24" s="38">
        <v>19</v>
      </c>
      <c r="T24" s="44" t="s">
        <v>29</v>
      </c>
      <c r="U24" s="34">
        <v>27851</v>
      </c>
      <c r="V24" s="34">
        <v>13</v>
      </c>
      <c r="W24" s="34">
        <v>0</v>
      </c>
      <c r="X24" s="34">
        <v>2</v>
      </c>
      <c r="Y24" s="34">
        <v>34971</v>
      </c>
      <c r="Z24" s="34">
        <v>13</v>
      </c>
      <c r="AA24" s="34">
        <v>27851</v>
      </c>
      <c r="AB24" s="36">
        <v>13</v>
      </c>
      <c r="AC24" s="34">
        <v>347335</v>
      </c>
      <c r="AD24" s="34">
        <v>32</v>
      </c>
      <c r="AE24" s="34">
        <v>0</v>
      </c>
      <c r="AF24" s="34">
        <v>3</v>
      </c>
      <c r="AG24" s="34">
        <v>536760</v>
      </c>
      <c r="AH24" s="33">
        <v>10</v>
      </c>
      <c r="AI24" s="44">
        <v>347334</v>
      </c>
      <c r="AJ24" s="31">
        <v>32</v>
      </c>
    </row>
    <row r="25" spans="1:36" ht="14.1" customHeight="1" x14ac:dyDescent="0.15">
      <c r="A25" s="38">
        <v>20</v>
      </c>
      <c r="B25" s="53" t="s">
        <v>28</v>
      </c>
      <c r="C25" s="34">
        <v>134262</v>
      </c>
      <c r="D25" s="34">
        <v>20</v>
      </c>
      <c r="E25" s="34">
        <v>0</v>
      </c>
      <c r="F25" s="34">
        <v>2</v>
      </c>
      <c r="G25" s="34">
        <v>187784</v>
      </c>
      <c r="H25" s="34">
        <v>16</v>
      </c>
      <c r="I25" s="34">
        <v>134262</v>
      </c>
      <c r="J25" s="84">
        <v>20</v>
      </c>
      <c r="K25" s="85">
        <v>202975</v>
      </c>
      <c r="L25" s="34">
        <v>22</v>
      </c>
      <c r="M25" s="34">
        <v>0</v>
      </c>
      <c r="N25" s="34">
        <v>2</v>
      </c>
      <c r="O25" s="34">
        <v>276134</v>
      </c>
      <c r="P25" s="34">
        <v>25</v>
      </c>
      <c r="Q25" s="34">
        <v>202975</v>
      </c>
      <c r="R25" s="84">
        <v>22</v>
      </c>
      <c r="S25" s="38">
        <v>20</v>
      </c>
      <c r="T25" s="34" t="s">
        <v>28</v>
      </c>
      <c r="U25" s="34">
        <v>24929</v>
      </c>
      <c r="V25" s="34">
        <v>28</v>
      </c>
      <c r="W25" s="34">
        <v>0</v>
      </c>
      <c r="X25" s="34">
        <v>2</v>
      </c>
      <c r="Y25" s="34">
        <v>31363</v>
      </c>
      <c r="Z25" s="34">
        <v>28</v>
      </c>
      <c r="AA25" s="34">
        <v>24929</v>
      </c>
      <c r="AB25" s="36">
        <v>28</v>
      </c>
      <c r="AC25" s="34">
        <v>368867</v>
      </c>
      <c r="AD25" s="34">
        <v>23</v>
      </c>
      <c r="AE25" s="34">
        <v>0</v>
      </c>
      <c r="AF25" s="34">
        <v>3</v>
      </c>
      <c r="AG25" s="34">
        <v>502601</v>
      </c>
      <c r="AH25" s="33">
        <v>24</v>
      </c>
      <c r="AI25" s="34">
        <v>368867</v>
      </c>
      <c r="AJ25" s="31">
        <v>23</v>
      </c>
    </row>
    <row r="26" spans="1:36" ht="14.1" customHeight="1" x14ac:dyDescent="0.15">
      <c r="A26" s="38">
        <v>21</v>
      </c>
      <c r="B26" s="53" t="s">
        <v>27</v>
      </c>
      <c r="C26" s="34">
        <v>133225</v>
      </c>
      <c r="D26" s="34">
        <v>21</v>
      </c>
      <c r="E26" s="34">
        <v>0</v>
      </c>
      <c r="F26" s="34">
        <v>2</v>
      </c>
      <c r="G26" s="34">
        <v>195081</v>
      </c>
      <c r="H26" s="34">
        <v>10</v>
      </c>
      <c r="I26" s="34">
        <v>133225</v>
      </c>
      <c r="J26" s="84">
        <v>21</v>
      </c>
      <c r="K26" s="85">
        <v>198758</v>
      </c>
      <c r="L26" s="34">
        <v>30</v>
      </c>
      <c r="M26" s="34">
        <v>0</v>
      </c>
      <c r="N26" s="34">
        <v>2</v>
      </c>
      <c r="O26" s="34">
        <v>286652</v>
      </c>
      <c r="P26" s="34">
        <v>21</v>
      </c>
      <c r="Q26" s="34">
        <v>198758</v>
      </c>
      <c r="R26" s="84">
        <v>30</v>
      </c>
      <c r="S26" s="38">
        <v>21</v>
      </c>
      <c r="T26" s="34" t="s">
        <v>27</v>
      </c>
      <c r="U26" s="34">
        <v>27250</v>
      </c>
      <c r="V26" s="34">
        <v>16</v>
      </c>
      <c r="W26" s="34">
        <v>0</v>
      </c>
      <c r="X26" s="34">
        <v>2</v>
      </c>
      <c r="Y26" s="34">
        <v>35429</v>
      </c>
      <c r="Z26" s="34">
        <v>8</v>
      </c>
      <c r="AA26" s="34">
        <v>27250</v>
      </c>
      <c r="AB26" s="36">
        <v>16</v>
      </c>
      <c r="AC26" s="34">
        <v>366889</v>
      </c>
      <c r="AD26" s="34">
        <v>25</v>
      </c>
      <c r="AE26" s="34">
        <v>0</v>
      </c>
      <c r="AF26" s="34">
        <v>3</v>
      </c>
      <c r="AG26" s="34">
        <v>526271</v>
      </c>
      <c r="AH26" s="33">
        <v>13</v>
      </c>
      <c r="AI26" s="34">
        <v>366888</v>
      </c>
      <c r="AJ26" s="87">
        <v>25</v>
      </c>
    </row>
    <row r="27" spans="1:36" ht="14.1" customHeight="1" x14ac:dyDescent="0.15">
      <c r="A27" s="38">
        <v>22</v>
      </c>
      <c r="B27" s="53" t="s">
        <v>26</v>
      </c>
      <c r="C27" s="34">
        <v>141943</v>
      </c>
      <c r="D27" s="34">
        <v>13</v>
      </c>
      <c r="E27" s="34">
        <v>0</v>
      </c>
      <c r="F27" s="34">
        <v>2</v>
      </c>
      <c r="G27" s="34">
        <v>160389</v>
      </c>
      <c r="H27" s="34">
        <v>33</v>
      </c>
      <c r="I27" s="34">
        <v>141943</v>
      </c>
      <c r="J27" s="84">
        <v>13</v>
      </c>
      <c r="K27" s="85">
        <v>210364</v>
      </c>
      <c r="L27" s="34">
        <v>15</v>
      </c>
      <c r="M27" s="34">
        <v>0</v>
      </c>
      <c r="N27" s="34">
        <v>2</v>
      </c>
      <c r="O27" s="34">
        <v>275079</v>
      </c>
      <c r="P27" s="34">
        <v>26</v>
      </c>
      <c r="Q27" s="34">
        <v>210364</v>
      </c>
      <c r="R27" s="84">
        <v>15</v>
      </c>
      <c r="S27" s="38">
        <v>22</v>
      </c>
      <c r="T27" s="34" t="s">
        <v>26</v>
      </c>
      <c r="U27" s="34">
        <v>27174</v>
      </c>
      <c r="V27" s="34">
        <v>17</v>
      </c>
      <c r="W27" s="34">
        <v>0</v>
      </c>
      <c r="X27" s="34">
        <v>2</v>
      </c>
      <c r="Y27" s="34">
        <v>32455</v>
      </c>
      <c r="Z27" s="34">
        <v>22</v>
      </c>
      <c r="AA27" s="34">
        <v>27174</v>
      </c>
      <c r="AB27" s="36">
        <v>17</v>
      </c>
      <c r="AC27" s="34">
        <v>385683</v>
      </c>
      <c r="AD27" s="34">
        <v>15</v>
      </c>
      <c r="AE27" s="34">
        <v>0</v>
      </c>
      <c r="AF27" s="34">
        <v>3</v>
      </c>
      <c r="AG27" s="34">
        <v>474529</v>
      </c>
      <c r="AH27" s="33">
        <v>31</v>
      </c>
      <c r="AI27" s="34">
        <v>385683</v>
      </c>
      <c r="AJ27" s="86">
        <v>15</v>
      </c>
    </row>
    <row r="28" spans="1:36" ht="14.1" customHeight="1" x14ac:dyDescent="0.15">
      <c r="A28" s="38">
        <v>23</v>
      </c>
      <c r="B28" s="53" t="s">
        <v>25</v>
      </c>
      <c r="C28" s="34">
        <v>135431</v>
      </c>
      <c r="D28" s="34">
        <v>18</v>
      </c>
      <c r="E28" s="34">
        <v>0</v>
      </c>
      <c r="F28" s="34">
        <v>2</v>
      </c>
      <c r="G28" s="34">
        <v>169731</v>
      </c>
      <c r="H28" s="34">
        <v>29</v>
      </c>
      <c r="I28" s="34">
        <v>135431</v>
      </c>
      <c r="J28" s="84">
        <v>18</v>
      </c>
      <c r="K28" s="85">
        <v>205810</v>
      </c>
      <c r="L28" s="34">
        <v>18</v>
      </c>
      <c r="M28" s="34">
        <v>0</v>
      </c>
      <c r="N28" s="34">
        <v>2</v>
      </c>
      <c r="O28" s="34">
        <v>270919</v>
      </c>
      <c r="P28" s="34">
        <v>30</v>
      </c>
      <c r="Q28" s="34">
        <v>205808</v>
      </c>
      <c r="R28" s="84">
        <v>18</v>
      </c>
      <c r="S28" s="38">
        <v>23</v>
      </c>
      <c r="T28" s="34" t="s">
        <v>25</v>
      </c>
      <c r="U28" s="34">
        <v>25864</v>
      </c>
      <c r="V28" s="34">
        <v>25</v>
      </c>
      <c r="W28" s="34">
        <v>0</v>
      </c>
      <c r="X28" s="34">
        <v>2</v>
      </c>
      <c r="Y28" s="34">
        <v>32442</v>
      </c>
      <c r="Z28" s="34">
        <v>23</v>
      </c>
      <c r="AA28" s="34">
        <v>25864</v>
      </c>
      <c r="AB28" s="36">
        <v>25</v>
      </c>
      <c r="AC28" s="34">
        <v>374917</v>
      </c>
      <c r="AD28" s="34">
        <v>20</v>
      </c>
      <c r="AE28" s="34">
        <v>0</v>
      </c>
      <c r="AF28" s="34">
        <v>3</v>
      </c>
      <c r="AG28" s="34">
        <v>481499</v>
      </c>
      <c r="AH28" s="33">
        <v>30</v>
      </c>
      <c r="AI28" s="34">
        <v>374915</v>
      </c>
      <c r="AJ28" s="31">
        <v>20</v>
      </c>
    </row>
    <row r="29" spans="1:36" ht="14.1" customHeight="1" x14ac:dyDescent="0.15">
      <c r="A29" s="38">
        <v>24</v>
      </c>
      <c r="B29" s="53" t="s">
        <v>24</v>
      </c>
      <c r="C29" s="34">
        <v>145709</v>
      </c>
      <c r="D29" s="34">
        <v>10</v>
      </c>
      <c r="E29" s="34">
        <v>0</v>
      </c>
      <c r="F29" s="34">
        <v>2</v>
      </c>
      <c r="G29" s="34">
        <v>180003</v>
      </c>
      <c r="H29" s="34">
        <v>24</v>
      </c>
      <c r="I29" s="34">
        <v>145709</v>
      </c>
      <c r="J29" s="84">
        <v>10</v>
      </c>
      <c r="K29" s="85">
        <v>231894</v>
      </c>
      <c r="L29" s="34">
        <v>1</v>
      </c>
      <c r="M29" s="34">
        <v>0</v>
      </c>
      <c r="N29" s="34">
        <v>2</v>
      </c>
      <c r="O29" s="34">
        <v>293534</v>
      </c>
      <c r="P29" s="34">
        <v>16</v>
      </c>
      <c r="Q29" s="34">
        <v>231894</v>
      </c>
      <c r="R29" s="84">
        <v>1</v>
      </c>
      <c r="S29" s="38">
        <v>24</v>
      </c>
      <c r="T29" s="34" t="s">
        <v>24</v>
      </c>
      <c r="U29" s="34">
        <v>26843</v>
      </c>
      <c r="V29" s="34">
        <v>22</v>
      </c>
      <c r="W29" s="34">
        <v>0</v>
      </c>
      <c r="X29" s="34">
        <v>2</v>
      </c>
      <c r="Y29" s="34">
        <v>31755</v>
      </c>
      <c r="Z29" s="34">
        <v>25</v>
      </c>
      <c r="AA29" s="34">
        <v>26843</v>
      </c>
      <c r="AB29" s="36">
        <v>22</v>
      </c>
      <c r="AC29" s="34">
        <v>408137</v>
      </c>
      <c r="AD29" s="34">
        <v>7</v>
      </c>
      <c r="AE29" s="34">
        <v>0</v>
      </c>
      <c r="AF29" s="34">
        <v>3</v>
      </c>
      <c r="AG29" s="34">
        <v>508811</v>
      </c>
      <c r="AH29" s="33">
        <v>21</v>
      </c>
      <c r="AI29" s="34">
        <v>408137</v>
      </c>
      <c r="AJ29" s="31">
        <v>7</v>
      </c>
    </row>
    <row r="30" spans="1:36" ht="14.1" customHeight="1" x14ac:dyDescent="0.15">
      <c r="A30" s="38">
        <v>25</v>
      </c>
      <c r="B30" s="53" t="s">
        <v>23</v>
      </c>
      <c r="C30" s="34">
        <v>108190</v>
      </c>
      <c r="D30" s="34">
        <v>33</v>
      </c>
      <c r="E30" s="34">
        <v>0</v>
      </c>
      <c r="F30" s="34">
        <v>2</v>
      </c>
      <c r="G30" s="34">
        <v>162098</v>
      </c>
      <c r="H30" s="34">
        <v>31</v>
      </c>
      <c r="I30" s="34">
        <v>108190</v>
      </c>
      <c r="J30" s="84">
        <v>33</v>
      </c>
      <c r="K30" s="85">
        <v>177318</v>
      </c>
      <c r="L30" s="34">
        <v>33</v>
      </c>
      <c r="M30" s="34">
        <v>0</v>
      </c>
      <c r="N30" s="34">
        <v>2</v>
      </c>
      <c r="O30" s="34">
        <v>246249</v>
      </c>
      <c r="P30" s="34">
        <v>33</v>
      </c>
      <c r="Q30" s="34">
        <v>177317</v>
      </c>
      <c r="R30" s="84">
        <v>33</v>
      </c>
      <c r="S30" s="38">
        <v>25</v>
      </c>
      <c r="T30" s="34" t="s">
        <v>23</v>
      </c>
      <c r="U30" s="34">
        <v>25548</v>
      </c>
      <c r="V30" s="34">
        <v>27</v>
      </c>
      <c r="W30" s="34">
        <v>0</v>
      </c>
      <c r="X30" s="34">
        <v>2</v>
      </c>
      <c r="Y30" s="34">
        <v>31702</v>
      </c>
      <c r="Z30" s="34">
        <v>26</v>
      </c>
      <c r="AA30" s="34">
        <v>25548</v>
      </c>
      <c r="AB30" s="36">
        <v>27</v>
      </c>
      <c r="AC30" s="34">
        <v>316857</v>
      </c>
      <c r="AD30" s="34">
        <v>33</v>
      </c>
      <c r="AE30" s="34">
        <v>0</v>
      </c>
      <c r="AF30" s="34">
        <v>3</v>
      </c>
      <c r="AG30" s="34">
        <v>446901</v>
      </c>
      <c r="AH30" s="33">
        <v>33</v>
      </c>
      <c r="AI30" s="34">
        <v>316857</v>
      </c>
      <c r="AJ30" s="31">
        <v>33</v>
      </c>
    </row>
    <row r="31" spans="1:36" ht="14.1" customHeight="1" x14ac:dyDescent="0.15">
      <c r="A31" s="38">
        <v>26</v>
      </c>
      <c r="B31" s="53" t="s">
        <v>22</v>
      </c>
      <c r="C31" s="34">
        <v>147023</v>
      </c>
      <c r="D31" s="34">
        <v>9</v>
      </c>
      <c r="E31" s="34">
        <v>0</v>
      </c>
      <c r="F31" s="34">
        <v>2</v>
      </c>
      <c r="G31" s="34">
        <v>161335</v>
      </c>
      <c r="H31" s="34">
        <v>32</v>
      </c>
      <c r="I31" s="34">
        <v>147022</v>
      </c>
      <c r="J31" s="84">
        <v>9</v>
      </c>
      <c r="K31" s="85">
        <v>216066</v>
      </c>
      <c r="L31" s="34">
        <v>8</v>
      </c>
      <c r="M31" s="34">
        <v>0</v>
      </c>
      <c r="N31" s="34">
        <v>2</v>
      </c>
      <c r="O31" s="34">
        <v>259730</v>
      </c>
      <c r="P31" s="34">
        <v>32</v>
      </c>
      <c r="Q31" s="34">
        <v>216066</v>
      </c>
      <c r="R31" s="84">
        <v>8</v>
      </c>
      <c r="S31" s="38">
        <v>26</v>
      </c>
      <c r="T31" s="34" t="s">
        <v>22</v>
      </c>
      <c r="U31" s="34">
        <v>29787</v>
      </c>
      <c r="V31" s="34">
        <v>3</v>
      </c>
      <c r="W31" s="34">
        <v>0</v>
      </c>
      <c r="X31" s="34">
        <v>2</v>
      </c>
      <c r="Y31" s="34">
        <v>34507</v>
      </c>
      <c r="Z31" s="34">
        <v>16</v>
      </c>
      <c r="AA31" s="34">
        <v>29787</v>
      </c>
      <c r="AB31" s="36">
        <v>3</v>
      </c>
      <c r="AC31" s="34">
        <v>397804</v>
      </c>
      <c r="AD31" s="34">
        <v>12</v>
      </c>
      <c r="AE31" s="34">
        <v>0</v>
      </c>
      <c r="AF31" s="34">
        <v>3</v>
      </c>
      <c r="AG31" s="34">
        <v>460898</v>
      </c>
      <c r="AH31" s="33">
        <v>32</v>
      </c>
      <c r="AI31" s="34">
        <v>397804</v>
      </c>
      <c r="AJ31" s="31">
        <v>12</v>
      </c>
    </row>
    <row r="32" spans="1:36" ht="14.1" customHeight="1" x14ac:dyDescent="0.15">
      <c r="A32" s="38">
        <v>27</v>
      </c>
      <c r="B32" s="53" t="s">
        <v>21</v>
      </c>
      <c r="C32" s="34">
        <v>163789</v>
      </c>
      <c r="D32" s="34">
        <v>5</v>
      </c>
      <c r="E32" s="34">
        <v>0</v>
      </c>
      <c r="F32" s="34">
        <v>2</v>
      </c>
      <c r="G32" s="34">
        <v>194657</v>
      </c>
      <c r="H32" s="34">
        <v>12</v>
      </c>
      <c r="I32" s="34">
        <v>163787</v>
      </c>
      <c r="J32" s="84">
        <v>5</v>
      </c>
      <c r="K32" s="85">
        <v>226427</v>
      </c>
      <c r="L32" s="34">
        <v>3</v>
      </c>
      <c r="M32" s="34">
        <v>0</v>
      </c>
      <c r="N32" s="34">
        <v>2</v>
      </c>
      <c r="O32" s="34">
        <v>273197</v>
      </c>
      <c r="P32" s="34">
        <v>29</v>
      </c>
      <c r="Q32" s="34">
        <v>226427</v>
      </c>
      <c r="R32" s="84">
        <v>3</v>
      </c>
      <c r="S32" s="38">
        <v>27</v>
      </c>
      <c r="T32" s="34" t="s">
        <v>21</v>
      </c>
      <c r="U32" s="34">
        <v>28736</v>
      </c>
      <c r="V32" s="34">
        <v>6</v>
      </c>
      <c r="W32" s="34">
        <v>0</v>
      </c>
      <c r="X32" s="34">
        <v>2</v>
      </c>
      <c r="Y32" s="34">
        <v>32759</v>
      </c>
      <c r="Z32" s="34">
        <v>21</v>
      </c>
      <c r="AA32" s="34">
        <v>28736</v>
      </c>
      <c r="AB32" s="36">
        <v>6</v>
      </c>
      <c r="AC32" s="34">
        <v>425696</v>
      </c>
      <c r="AD32" s="34">
        <v>2</v>
      </c>
      <c r="AE32" s="34">
        <v>0</v>
      </c>
      <c r="AF32" s="34">
        <v>3</v>
      </c>
      <c r="AG32" s="34">
        <v>509047</v>
      </c>
      <c r="AH32" s="33">
        <v>20</v>
      </c>
      <c r="AI32" s="34">
        <v>425695</v>
      </c>
      <c r="AJ32" s="31">
        <v>2</v>
      </c>
    </row>
    <row r="33" spans="1:36" ht="14.1" customHeight="1" x14ac:dyDescent="0.15">
      <c r="A33" s="38">
        <v>28</v>
      </c>
      <c r="B33" s="53" t="s">
        <v>20</v>
      </c>
      <c r="C33" s="34">
        <v>164410</v>
      </c>
      <c r="D33" s="34">
        <v>4</v>
      </c>
      <c r="E33" s="34">
        <v>0</v>
      </c>
      <c r="F33" s="34">
        <v>2</v>
      </c>
      <c r="G33" s="34">
        <v>207575</v>
      </c>
      <c r="H33" s="34">
        <v>5</v>
      </c>
      <c r="I33" s="34">
        <v>164408</v>
      </c>
      <c r="J33" s="84">
        <v>4</v>
      </c>
      <c r="K33" s="85">
        <v>224262</v>
      </c>
      <c r="L33" s="34">
        <v>6</v>
      </c>
      <c r="M33" s="34">
        <v>0</v>
      </c>
      <c r="N33" s="34">
        <v>2</v>
      </c>
      <c r="O33" s="34">
        <v>304084</v>
      </c>
      <c r="P33" s="34">
        <v>7</v>
      </c>
      <c r="Q33" s="34">
        <v>224262</v>
      </c>
      <c r="R33" s="84">
        <v>6</v>
      </c>
      <c r="S33" s="38">
        <v>28</v>
      </c>
      <c r="T33" s="34" t="s">
        <v>20</v>
      </c>
      <c r="U33" s="34">
        <v>29157</v>
      </c>
      <c r="V33" s="34">
        <v>4</v>
      </c>
      <c r="W33" s="34">
        <v>0</v>
      </c>
      <c r="X33" s="34">
        <v>2</v>
      </c>
      <c r="Y33" s="34">
        <v>38133</v>
      </c>
      <c r="Z33" s="34">
        <v>2</v>
      </c>
      <c r="AA33" s="34">
        <v>29157</v>
      </c>
      <c r="AB33" s="36">
        <v>4</v>
      </c>
      <c r="AC33" s="34">
        <v>424958</v>
      </c>
      <c r="AD33" s="34">
        <v>3</v>
      </c>
      <c r="AE33" s="34">
        <v>0</v>
      </c>
      <c r="AF33" s="34">
        <v>3</v>
      </c>
      <c r="AG33" s="34">
        <v>555953</v>
      </c>
      <c r="AH33" s="33">
        <v>6</v>
      </c>
      <c r="AI33" s="34">
        <v>424956</v>
      </c>
      <c r="AJ33" s="31">
        <v>3</v>
      </c>
    </row>
    <row r="34" spans="1:36" ht="14.1" customHeight="1" x14ac:dyDescent="0.15">
      <c r="A34" s="38">
        <v>29</v>
      </c>
      <c r="B34" s="53" t="s">
        <v>19</v>
      </c>
      <c r="C34" s="34">
        <v>185673</v>
      </c>
      <c r="D34" s="34">
        <v>2</v>
      </c>
      <c r="E34" s="34">
        <v>0</v>
      </c>
      <c r="F34" s="34">
        <v>2</v>
      </c>
      <c r="G34" s="34">
        <v>247891</v>
      </c>
      <c r="H34" s="34">
        <v>1</v>
      </c>
      <c r="I34" s="34">
        <v>185673</v>
      </c>
      <c r="J34" s="84">
        <v>2</v>
      </c>
      <c r="K34" s="85">
        <v>200677</v>
      </c>
      <c r="L34" s="34">
        <v>28</v>
      </c>
      <c r="M34" s="34">
        <v>0</v>
      </c>
      <c r="N34" s="34">
        <v>2</v>
      </c>
      <c r="O34" s="34">
        <v>280238</v>
      </c>
      <c r="P34" s="34">
        <v>23</v>
      </c>
      <c r="Q34" s="34">
        <v>200677</v>
      </c>
      <c r="R34" s="84">
        <v>28</v>
      </c>
      <c r="S34" s="38">
        <v>29</v>
      </c>
      <c r="T34" s="34" t="s">
        <v>19</v>
      </c>
      <c r="U34" s="34">
        <v>24534</v>
      </c>
      <c r="V34" s="34">
        <v>30</v>
      </c>
      <c r="W34" s="34">
        <v>0</v>
      </c>
      <c r="X34" s="34">
        <v>2</v>
      </c>
      <c r="Y34" s="34">
        <v>29591</v>
      </c>
      <c r="Z34" s="34">
        <v>30</v>
      </c>
      <c r="AA34" s="34">
        <v>24534</v>
      </c>
      <c r="AB34" s="36">
        <v>30</v>
      </c>
      <c r="AC34" s="34">
        <v>418327</v>
      </c>
      <c r="AD34" s="34">
        <v>5</v>
      </c>
      <c r="AE34" s="34">
        <v>0</v>
      </c>
      <c r="AF34" s="34">
        <v>3</v>
      </c>
      <c r="AG34" s="34">
        <v>569692</v>
      </c>
      <c r="AH34" s="33">
        <v>4</v>
      </c>
      <c r="AI34" s="34">
        <v>418327</v>
      </c>
      <c r="AJ34" s="31">
        <v>5</v>
      </c>
    </row>
    <row r="35" spans="1:36" ht="14.1" customHeight="1" x14ac:dyDescent="0.15">
      <c r="A35" s="38">
        <v>30</v>
      </c>
      <c r="B35" s="53" t="s">
        <v>18</v>
      </c>
      <c r="C35" s="34">
        <v>171329</v>
      </c>
      <c r="D35" s="34">
        <v>3</v>
      </c>
      <c r="E35" s="34">
        <v>0</v>
      </c>
      <c r="F35" s="34">
        <v>2</v>
      </c>
      <c r="G35" s="34">
        <v>216580</v>
      </c>
      <c r="H35" s="34">
        <v>3</v>
      </c>
      <c r="I35" s="34">
        <v>171329</v>
      </c>
      <c r="J35" s="84">
        <v>3</v>
      </c>
      <c r="K35" s="85">
        <v>225493</v>
      </c>
      <c r="L35" s="34">
        <v>5</v>
      </c>
      <c r="M35" s="34">
        <v>0</v>
      </c>
      <c r="N35" s="34">
        <v>2</v>
      </c>
      <c r="O35" s="34">
        <v>316290</v>
      </c>
      <c r="P35" s="34">
        <v>3</v>
      </c>
      <c r="Q35" s="34">
        <v>225493</v>
      </c>
      <c r="R35" s="84">
        <v>5</v>
      </c>
      <c r="S35" s="38">
        <v>30</v>
      </c>
      <c r="T35" s="34" t="s">
        <v>18</v>
      </c>
      <c r="U35" s="34">
        <v>21941</v>
      </c>
      <c r="V35" s="34">
        <v>32</v>
      </c>
      <c r="W35" s="34">
        <v>0</v>
      </c>
      <c r="X35" s="34">
        <v>2</v>
      </c>
      <c r="Y35" s="34">
        <v>25068</v>
      </c>
      <c r="Z35" s="34">
        <v>33</v>
      </c>
      <c r="AA35" s="34">
        <v>21941</v>
      </c>
      <c r="AB35" s="36">
        <v>32</v>
      </c>
      <c r="AC35" s="34">
        <v>427532</v>
      </c>
      <c r="AD35" s="34">
        <v>1</v>
      </c>
      <c r="AE35" s="34">
        <v>0</v>
      </c>
      <c r="AF35" s="34">
        <v>3</v>
      </c>
      <c r="AG35" s="34">
        <v>570485</v>
      </c>
      <c r="AH35" s="33">
        <v>3</v>
      </c>
      <c r="AI35" s="34">
        <v>427532</v>
      </c>
      <c r="AJ35" s="31">
        <v>1</v>
      </c>
    </row>
    <row r="36" spans="1:36" ht="14.1" customHeight="1" x14ac:dyDescent="0.15">
      <c r="A36" s="38">
        <v>31</v>
      </c>
      <c r="B36" s="53" t="s">
        <v>17</v>
      </c>
      <c r="C36" s="34">
        <v>145285</v>
      </c>
      <c r="D36" s="34">
        <v>12</v>
      </c>
      <c r="E36" s="34">
        <v>0</v>
      </c>
      <c r="F36" s="34">
        <v>2</v>
      </c>
      <c r="G36" s="34">
        <v>195594</v>
      </c>
      <c r="H36" s="34">
        <v>9</v>
      </c>
      <c r="I36" s="34">
        <v>145285</v>
      </c>
      <c r="J36" s="36">
        <v>12</v>
      </c>
      <c r="K36" s="34">
        <v>209372</v>
      </c>
      <c r="L36" s="34">
        <v>16</v>
      </c>
      <c r="M36" s="34">
        <v>0</v>
      </c>
      <c r="N36" s="34">
        <v>2</v>
      </c>
      <c r="O36" s="34">
        <v>278762</v>
      </c>
      <c r="P36" s="34">
        <v>24</v>
      </c>
      <c r="Q36" s="34">
        <v>209372</v>
      </c>
      <c r="R36" s="36">
        <v>16</v>
      </c>
      <c r="S36" s="38">
        <v>31</v>
      </c>
      <c r="T36" s="34" t="s">
        <v>17</v>
      </c>
      <c r="U36" s="34">
        <v>22884</v>
      </c>
      <c r="V36" s="34">
        <v>31</v>
      </c>
      <c r="W36" s="34">
        <v>0</v>
      </c>
      <c r="X36" s="34">
        <v>2</v>
      </c>
      <c r="Y36" s="34">
        <v>27267</v>
      </c>
      <c r="Z36" s="34">
        <v>31</v>
      </c>
      <c r="AA36" s="34">
        <v>22884</v>
      </c>
      <c r="AB36" s="36">
        <v>31</v>
      </c>
      <c r="AC36" s="34">
        <v>384886</v>
      </c>
      <c r="AD36" s="34">
        <v>16</v>
      </c>
      <c r="AE36" s="34">
        <v>0</v>
      </c>
      <c r="AF36" s="34">
        <v>3</v>
      </c>
      <c r="AG36" s="34">
        <v>508653</v>
      </c>
      <c r="AH36" s="33">
        <v>23</v>
      </c>
      <c r="AI36" s="34">
        <v>384886</v>
      </c>
      <c r="AJ36" s="31">
        <v>16</v>
      </c>
    </row>
    <row r="37" spans="1:36" ht="14.1" customHeight="1" x14ac:dyDescent="0.15">
      <c r="A37" s="38">
        <v>32</v>
      </c>
      <c r="B37" s="53" t="s">
        <v>16</v>
      </c>
      <c r="C37" s="34">
        <v>152720</v>
      </c>
      <c r="D37" s="34">
        <v>7</v>
      </c>
      <c r="E37" s="34">
        <v>0</v>
      </c>
      <c r="F37" s="34">
        <v>2</v>
      </c>
      <c r="G37" s="34">
        <v>195058</v>
      </c>
      <c r="H37" s="34">
        <v>11</v>
      </c>
      <c r="I37" s="34">
        <v>152720</v>
      </c>
      <c r="J37" s="36">
        <v>7</v>
      </c>
      <c r="K37" s="34">
        <v>211420</v>
      </c>
      <c r="L37" s="34">
        <v>14</v>
      </c>
      <c r="M37" s="34">
        <v>0</v>
      </c>
      <c r="N37" s="34">
        <v>2</v>
      </c>
      <c r="O37" s="34">
        <v>300743</v>
      </c>
      <c r="P37" s="34">
        <v>8</v>
      </c>
      <c r="Q37" s="34">
        <v>211420</v>
      </c>
      <c r="R37" s="36">
        <v>14</v>
      </c>
      <c r="S37" s="38">
        <v>32</v>
      </c>
      <c r="T37" s="34" t="s">
        <v>16</v>
      </c>
      <c r="U37" s="34">
        <v>20953</v>
      </c>
      <c r="V37" s="34">
        <v>33</v>
      </c>
      <c r="W37" s="34">
        <v>0</v>
      </c>
      <c r="X37" s="34">
        <v>2</v>
      </c>
      <c r="Y37" s="34">
        <v>25249</v>
      </c>
      <c r="Z37" s="34">
        <v>32</v>
      </c>
      <c r="AA37" s="34">
        <v>20953</v>
      </c>
      <c r="AB37" s="36">
        <v>33</v>
      </c>
      <c r="AC37" s="34">
        <v>392038</v>
      </c>
      <c r="AD37" s="34">
        <v>13</v>
      </c>
      <c r="AE37" s="34">
        <v>0</v>
      </c>
      <c r="AF37" s="34">
        <v>3</v>
      </c>
      <c r="AG37" s="34">
        <v>530578</v>
      </c>
      <c r="AH37" s="33">
        <v>11</v>
      </c>
      <c r="AI37" s="34">
        <v>392038</v>
      </c>
      <c r="AJ37" s="31">
        <v>13</v>
      </c>
    </row>
    <row r="38" spans="1:36" ht="14.1" customHeight="1" thickBot="1" x14ac:dyDescent="0.2">
      <c r="A38" s="51">
        <v>33</v>
      </c>
      <c r="B38" s="52" t="s">
        <v>15</v>
      </c>
      <c r="C38" s="24">
        <v>190971</v>
      </c>
      <c r="D38" s="24">
        <v>1</v>
      </c>
      <c r="E38" s="24">
        <v>0</v>
      </c>
      <c r="F38" s="24">
        <v>2</v>
      </c>
      <c r="G38" s="24">
        <v>199720</v>
      </c>
      <c r="H38" s="24">
        <v>7</v>
      </c>
      <c r="I38" s="24">
        <v>190971</v>
      </c>
      <c r="J38" s="26">
        <v>1</v>
      </c>
      <c r="K38" s="24">
        <v>202648</v>
      </c>
      <c r="L38" s="24">
        <v>24</v>
      </c>
      <c r="M38" s="24">
        <v>0</v>
      </c>
      <c r="N38" s="24">
        <v>2</v>
      </c>
      <c r="O38" s="24">
        <v>259845</v>
      </c>
      <c r="P38" s="24">
        <v>31</v>
      </c>
      <c r="Q38" s="24">
        <v>202648</v>
      </c>
      <c r="R38" s="26">
        <v>24</v>
      </c>
      <c r="S38" s="51">
        <v>33</v>
      </c>
      <c r="T38" s="24" t="s">
        <v>15</v>
      </c>
      <c r="U38" s="24">
        <v>26733</v>
      </c>
      <c r="V38" s="24">
        <v>23</v>
      </c>
      <c r="W38" s="24">
        <v>0</v>
      </c>
      <c r="X38" s="24">
        <v>2</v>
      </c>
      <c r="Y38" s="24">
        <v>32029</v>
      </c>
      <c r="Z38" s="24">
        <v>24</v>
      </c>
      <c r="AA38" s="73">
        <v>26733</v>
      </c>
      <c r="AB38" s="26">
        <v>23</v>
      </c>
      <c r="AC38" s="24">
        <v>423987</v>
      </c>
      <c r="AD38" s="24">
        <v>4</v>
      </c>
      <c r="AE38" s="24">
        <v>0</v>
      </c>
      <c r="AF38" s="24">
        <v>3</v>
      </c>
      <c r="AG38" s="24">
        <v>495580</v>
      </c>
      <c r="AH38" s="23">
        <v>28</v>
      </c>
      <c r="AI38" s="73">
        <v>423987</v>
      </c>
      <c r="AJ38" s="21">
        <v>4</v>
      </c>
    </row>
    <row r="39" spans="1:36" ht="14.1" customHeight="1" thickTop="1" x14ac:dyDescent="0.15">
      <c r="A39" s="83">
        <v>301</v>
      </c>
      <c r="B39" s="82" t="s">
        <v>88</v>
      </c>
      <c r="C39" s="74">
        <v>58384</v>
      </c>
      <c r="D39" s="74">
        <v>4</v>
      </c>
      <c r="E39" s="50" t="s">
        <v>79</v>
      </c>
      <c r="F39" s="50" t="s">
        <v>79</v>
      </c>
      <c r="G39" s="74">
        <v>160124</v>
      </c>
      <c r="H39" s="74">
        <v>4</v>
      </c>
      <c r="I39" s="74">
        <v>58384</v>
      </c>
      <c r="J39" s="81">
        <v>4</v>
      </c>
      <c r="K39" s="74">
        <v>131582</v>
      </c>
      <c r="L39" s="74">
        <v>3</v>
      </c>
      <c r="M39" s="46" t="s">
        <v>79</v>
      </c>
      <c r="N39" s="46" t="s">
        <v>79</v>
      </c>
      <c r="O39" s="74">
        <v>222302</v>
      </c>
      <c r="P39" s="74">
        <v>6</v>
      </c>
      <c r="Q39" s="74">
        <v>131582</v>
      </c>
      <c r="R39" s="81">
        <v>3</v>
      </c>
      <c r="S39" s="48">
        <v>301</v>
      </c>
      <c r="T39" s="37" t="s">
        <v>88</v>
      </c>
      <c r="U39" s="44">
        <v>24576</v>
      </c>
      <c r="V39" s="44">
        <v>3</v>
      </c>
      <c r="W39" s="80" t="s">
        <v>79</v>
      </c>
      <c r="X39" s="80" t="s">
        <v>79</v>
      </c>
      <c r="Y39" s="44">
        <v>31451</v>
      </c>
      <c r="Z39" s="44">
        <v>4</v>
      </c>
      <c r="AA39" s="74">
        <v>24576</v>
      </c>
      <c r="AB39" s="47">
        <v>3</v>
      </c>
      <c r="AC39" s="44">
        <v>216794</v>
      </c>
      <c r="AD39" s="44">
        <v>2</v>
      </c>
      <c r="AE39" s="45" t="s">
        <v>79</v>
      </c>
      <c r="AF39" s="45" t="s">
        <v>79</v>
      </c>
      <c r="AG39" s="44">
        <v>416359</v>
      </c>
      <c r="AH39" s="42">
        <v>6</v>
      </c>
      <c r="AI39" s="74">
        <v>216794</v>
      </c>
      <c r="AJ39" s="31">
        <v>2</v>
      </c>
    </row>
    <row r="40" spans="1:36" ht="14.1" customHeight="1" x14ac:dyDescent="0.15">
      <c r="A40" s="38">
        <v>302</v>
      </c>
      <c r="B40" s="40" t="s">
        <v>87</v>
      </c>
      <c r="C40" s="34">
        <v>47315</v>
      </c>
      <c r="D40" s="34">
        <v>5</v>
      </c>
      <c r="E40" s="39" t="s">
        <v>79</v>
      </c>
      <c r="F40" s="39" t="s">
        <v>79</v>
      </c>
      <c r="G40" s="34">
        <v>144521</v>
      </c>
      <c r="H40" s="34">
        <v>6</v>
      </c>
      <c r="I40" s="34">
        <v>47315</v>
      </c>
      <c r="J40" s="36">
        <v>5</v>
      </c>
      <c r="K40" s="34">
        <v>122591</v>
      </c>
      <c r="L40" s="34">
        <v>4</v>
      </c>
      <c r="M40" s="35" t="s">
        <v>79</v>
      </c>
      <c r="N40" s="35" t="s">
        <v>79</v>
      </c>
      <c r="O40" s="34">
        <v>313580</v>
      </c>
      <c r="P40" s="34">
        <v>2</v>
      </c>
      <c r="Q40" s="34">
        <v>122591</v>
      </c>
      <c r="R40" s="36">
        <v>4</v>
      </c>
      <c r="S40" s="38">
        <v>302</v>
      </c>
      <c r="T40" s="37" t="s">
        <v>87</v>
      </c>
      <c r="U40" s="34">
        <v>9017</v>
      </c>
      <c r="V40" s="34">
        <v>6</v>
      </c>
      <c r="W40" s="35" t="s">
        <v>79</v>
      </c>
      <c r="X40" s="35" t="s">
        <v>79</v>
      </c>
      <c r="Y40" s="34">
        <v>9246</v>
      </c>
      <c r="Z40" s="34">
        <v>6</v>
      </c>
      <c r="AA40" s="34">
        <v>9017</v>
      </c>
      <c r="AB40" s="36">
        <v>6</v>
      </c>
      <c r="AC40" s="34">
        <v>182522</v>
      </c>
      <c r="AD40" s="34">
        <v>6</v>
      </c>
      <c r="AE40" s="35" t="s">
        <v>79</v>
      </c>
      <c r="AF40" s="35" t="s">
        <v>79</v>
      </c>
      <c r="AG40" s="34">
        <v>473033</v>
      </c>
      <c r="AH40" s="33">
        <v>4</v>
      </c>
      <c r="AI40" s="34">
        <v>182522</v>
      </c>
      <c r="AJ40" s="31">
        <v>6</v>
      </c>
    </row>
    <row r="41" spans="1:36" ht="14.1" customHeight="1" x14ac:dyDescent="0.15">
      <c r="A41" s="38">
        <v>303</v>
      </c>
      <c r="B41" s="40" t="s">
        <v>86</v>
      </c>
      <c r="C41" s="34">
        <v>72340</v>
      </c>
      <c r="D41" s="34">
        <v>1</v>
      </c>
      <c r="E41" s="39" t="s">
        <v>79</v>
      </c>
      <c r="F41" s="39" t="s">
        <v>79</v>
      </c>
      <c r="G41" s="34">
        <v>180467</v>
      </c>
      <c r="H41" s="34">
        <v>2</v>
      </c>
      <c r="I41" s="34">
        <v>72340</v>
      </c>
      <c r="J41" s="36">
        <v>1</v>
      </c>
      <c r="K41" s="34">
        <v>143279</v>
      </c>
      <c r="L41" s="34">
        <v>1</v>
      </c>
      <c r="M41" s="35" t="s">
        <v>79</v>
      </c>
      <c r="N41" s="35" t="s">
        <v>79</v>
      </c>
      <c r="O41" s="34">
        <v>302074</v>
      </c>
      <c r="P41" s="34">
        <v>3</v>
      </c>
      <c r="Q41" s="34">
        <v>143279</v>
      </c>
      <c r="R41" s="36">
        <v>1</v>
      </c>
      <c r="S41" s="38">
        <v>303</v>
      </c>
      <c r="T41" s="37" t="s">
        <v>86</v>
      </c>
      <c r="U41" s="34">
        <v>27868</v>
      </c>
      <c r="V41" s="34">
        <v>1</v>
      </c>
      <c r="W41" s="80" t="s">
        <v>79</v>
      </c>
      <c r="X41" s="80" t="s">
        <v>79</v>
      </c>
      <c r="Y41" s="34">
        <v>41110</v>
      </c>
      <c r="Z41" s="34">
        <v>1</v>
      </c>
      <c r="AA41" s="34">
        <v>27868</v>
      </c>
      <c r="AB41" s="36">
        <v>1</v>
      </c>
      <c r="AC41" s="34">
        <v>249592</v>
      </c>
      <c r="AD41" s="34">
        <v>1</v>
      </c>
      <c r="AE41" s="35" t="s">
        <v>79</v>
      </c>
      <c r="AF41" s="35" t="s">
        <v>79</v>
      </c>
      <c r="AG41" s="34">
        <v>534713</v>
      </c>
      <c r="AH41" s="33">
        <v>2</v>
      </c>
      <c r="AI41" s="34">
        <v>249592</v>
      </c>
      <c r="AJ41" s="31">
        <v>1</v>
      </c>
    </row>
    <row r="42" spans="1:36" ht="14.1" customHeight="1" x14ac:dyDescent="0.15">
      <c r="A42" s="38">
        <v>304</v>
      </c>
      <c r="B42" s="40" t="s">
        <v>85</v>
      </c>
      <c r="C42" s="34">
        <v>43872</v>
      </c>
      <c r="D42" s="34">
        <v>6</v>
      </c>
      <c r="E42" s="39" t="s">
        <v>79</v>
      </c>
      <c r="F42" s="39" t="s">
        <v>79</v>
      </c>
      <c r="G42" s="34">
        <v>148795</v>
      </c>
      <c r="H42" s="34">
        <v>5</v>
      </c>
      <c r="I42" s="34">
        <v>43872</v>
      </c>
      <c r="J42" s="36">
        <v>6</v>
      </c>
      <c r="K42" s="34">
        <v>132187</v>
      </c>
      <c r="L42" s="34">
        <v>2</v>
      </c>
      <c r="M42" s="35" t="s">
        <v>79</v>
      </c>
      <c r="N42" s="35" t="s">
        <v>79</v>
      </c>
      <c r="O42" s="34">
        <v>277867</v>
      </c>
      <c r="P42" s="34">
        <v>5</v>
      </c>
      <c r="Q42" s="34">
        <v>132187</v>
      </c>
      <c r="R42" s="36">
        <v>2</v>
      </c>
      <c r="S42" s="38">
        <v>304</v>
      </c>
      <c r="T42" s="37" t="s">
        <v>85</v>
      </c>
      <c r="U42" s="34">
        <v>24728</v>
      </c>
      <c r="V42" s="34">
        <v>2</v>
      </c>
      <c r="W42" s="35" t="s">
        <v>79</v>
      </c>
      <c r="X42" s="35" t="s">
        <v>79</v>
      </c>
      <c r="Y42" s="34">
        <v>36756</v>
      </c>
      <c r="Z42" s="34">
        <v>2</v>
      </c>
      <c r="AA42" s="34">
        <v>24728</v>
      </c>
      <c r="AB42" s="36">
        <v>2</v>
      </c>
      <c r="AC42" s="34">
        <v>203319</v>
      </c>
      <c r="AD42" s="34">
        <v>5</v>
      </c>
      <c r="AE42" s="35" t="s">
        <v>79</v>
      </c>
      <c r="AF42" s="35" t="s">
        <v>79</v>
      </c>
      <c r="AG42" s="34">
        <v>469176</v>
      </c>
      <c r="AH42" s="33">
        <v>5</v>
      </c>
      <c r="AI42" s="34">
        <v>203319</v>
      </c>
      <c r="AJ42" s="31">
        <v>5</v>
      </c>
    </row>
    <row r="43" spans="1:36" ht="14.1" customHeight="1" x14ac:dyDescent="0.15">
      <c r="A43" s="38">
        <v>305</v>
      </c>
      <c r="B43" s="40" t="s">
        <v>84</v>
      </c>
      <c r="C43" s="34">
        <v>60529</v>
      </c>
      <c r="D43" s="34">
        <v>3</v>
      </c>
      <c r="E43" s="39" t="s">
        <v>79</v>
      </c>
      <c r="F43" s="39" t="s">
        <v>79</v>
      </c>
      <c r="G43" s="34">
        <v>169485</v>
      </c>
      <c r="H43" s="34">
        <v>3</v>
      </c>
      <c r="I43" s="34">
        <v>60529</v>
      </c>
      <c r="J43" s="36">
        <v>3</v>
      </c>
      <c r="K43" s="34">
        <v>120517</v>
      </c>
      <c r="L43" s="34">
        <v>5</v>
      </c>
      <c r="M43" s="35" t="s">
        <v>79</v>
      </c>
      <c r="N43" s="35" t="s">
        <v>79</v>
      </c>
      <c r="O43" s="34">
        <v>287845</v>
      </c>
      <c r="P43" s="34">
        <v>4</v>
      </c>
      <c r="Q43" s="34">
        <v>120517</v>
      </c>
      <c r="R43" s="36">
        <v>5</v>
      </c>
      <c r="S43" s="38">
        <v>305</v>
      </c>
      <c r="T43" s="37" t="s">
        <v>84</v>
      </c>
      <c r="U43" s="34">
        <v>22858</v>
      </c>
      <c r="V43" s="34">
        <v>4</v>
      </c>
      <c r="W43" s="80" t="s">
        <v>79</v>
      </c>
      <c r="X43" s="80" t="s">
        <v>79</v>
      </c>
      <c r="Y43" s="34">
        <v>29032</v>
      </c>
      <c r="Z43" s="34">
        <v>5</v>
      </c>
      <c r="AA43" s="34">
        <v>22858</v>
      </c>
      <c r="AB43" s="36">
        <v>4</v>
      </c>
      <c r="AC43" s="34">
        <v>207869</v>
      </c>
      <c r="AD43" s="34">
        <v>4</v>
      </c>
      <c r="AE43" s="35" t="s">
        <v>79</v>
      </c>
      <c r="AF43" s="35" t="s">
        <v>79</v>
      </c>
      <c r="AG43" s="34">
        <v>494535</v>
      </c>
      <c r="AH43" s="33">
        <v>3</v>
      </c>
      <c r="AI43" s="34">
        <v>207869</v>
      </c>
      <c r="AJ43" s="31">
        <v>4</v>
      </c>
    </row>
    <row r="44" spans="1:36" ht="14.1" customHeight="1" thickBot="1" x14ac:dyDescent="0.2">
      <c r="A44" s="28">
        <v>306</v>
      </c>
      <c r="B44" s="30" t="s">
        <v>83</v>
      </c>
      <c r="C44" s="24">
        <v>62454</v>
      </c>
      <c r="D44" s="24">
        <v>2</v>
      </c>
      <c r="E44" s="29" t="s">
        <v>79</v>
      </c>
      <c r="F44" s="29" t="s">
        <v>79</v>
      </c>
      <c r="G44" s="24">
        <v>196940</v>
      </c>
      <c r="H44" s="24">
        <v>1</v>
      </c>
      <c r="I44" s="73">
        <v>62454</v>
      </c>
      <c r="J44" s="26">
        <v>2</v>
      </c>
      <c r="K44" s="24">
        <v>120451</v>
      </c>
      <c r="L44" s="24">
        <v>6</v>
      </c>
      <c r="M44" s="25" t="s">
        <v>79</v>
      </c>
      <c r="N44" s="25" t="s">
        <v>79</v>
      </c>
      <c r="O44" s="24">
        <v>318168</v>
      </c>
      <c r="P44" s="24">
        <v>1</v>
      </c>
      <c r="Q44" s="73">
        <v>120451</v>
      </c>
      <c r="R44" s="26">
        <v>6</v>
      </c>
      <c r="S44" s="28">
        <v>306</v>
      </c>
      <c r="T44" s="27" t="s">
        <v>7</v>
      </c>
      <c r="U44" s="24">
        <v>21669</v>
      </c>
      <c r="V44" s="24">
        <v>5</v>
      </c>
      <c r="W44" s="25" t="s">
        <v>79</v>
      </c>
      <c r="X44" s="25" t="s">
        <v>79</v>
      </c>
      <c r="Y44" s="24">
        <v>31881</v>
      </c>
      <c r="Z44" s="24">
        <v>3</v>
      </c>
      <c r="AA44" s="24">
        <v>21669</v>
      </c>
      <c r="AB44" s="26">
        <v>5</v>
      </c>
      <c r="AC44" s="24">
        <v>208243</v>
      </c>
      <c r="AD44" s="24">
        <v>3</v>
      </c>
      <c r="AE44" s="25" t="s">
        <v>79</v>
      </c>
      <c r="AF44" s="25" t="s">
        <v>79</v>
      </c>
      <c r="AG44" s="24">
        <v>555830</v>
      </c>
      <c r="AH44" s="23">
        <v>1</v>
      </c>
      <c r="AI44" s="73">
        <v>208243</v>
      </c>
      <c r="AJ44" s="21">
        <v>3</v>
      </c>
    </row>
    <row r="45" spans="1:36" ht="14.1" customHeight="1" thickTop="1" thickBot="1" x14ac:dyDescent="0.2">
      <c r="A45" s="354" t="s">
        <v>82</v>
      </c>
      <c r="B45" s="355"/>
      <c r="C45" s="24">
        <v>131995</v>
      </c>
      <c r="D45" s="17" t="s">
        <v>79</v>
      </c>
      <c r="E45" s="72">
        <v>3852201</v>
      </c>
      <c r="F45" s="17" t="s">
        <v>79</v>
      </c>
      <c r="G45" s="24">
        <v>192144</v>
      </c>
      <c r="H45" s="17" t="s">
        <v>79</v>
      </c>
      <c r="I45" s="69">
        <v>132000</v>
      </c>
      <c r="J45" s="18" t="s">
        <v>79</v>
      </c>
      <c r="K45" s="24">
        <v>209645</v>
      </c>
      <c r="L45" s="25" t="s">
        <v>79</v>
      </c>
      <c r="M45" s="72">
        <v>-190251</v>
      </c>
      <c r="N45" s="25" t="s">
        <v>79</v>
      </c>
      <c r="O45" s="24">
        <v>303128</v>
      </c>
      <c r="P45" s="25" t="s">
        <v>79</v>
      </c>
      <c r="Q45" s="70">
        <v>209645</v>
      </c>
      <c r="R45" s="13" t="s">
        <v>79</v>
      </c>
      <c r="S45" s="354" t="s">
        <v>82</v>
      </c>
      <c r="T45" s="356"/>
      <c r="U45" s="24">
        <v>27818</v>
      </c>
      <c r="V45" s="15" t="s">
        <v>79</v>
      </c>
      <c r="W45" s="72">
        <v>-24290</v>
      </c>
      <c r="X45" s="15" t="s">
        <v>79</v>
      </c>
      <c r="Y45" s="24">
        <v>35322</v>
      </c>
      <c r="Z45" s="15" t="s">
        <v>79</v>
      </c>
      <c r="AA45" s="70">
        <v>27818</v>
      </c>
      <c r="AB45" s="13" t="s">
        <v>79</v>
      </c>
      <c r="AC45" s="24">
        <v>377723</v>
      </c>
      <c r="AD45" s="15" t="s">
        <v>79</v>
      </c>
      <c r="AE45" s="72">
        <v>3649185</v>
      </c>
      <c r="AF45" s="15" t="s">
        <v>79</v>
      </c>
      <c r="AG45" s="24">
        <v>540125</v>
      </c>
      <c r="AH45" s="15" t="s">
        <v>79</v>
      </c>
      <c r="AI45" s="70">
        <v>377727</v>
      </c>
      <c r="AJ45" s="13" t="s">
        <v>79</v>
      </c>
    </row>
    <row r="46" spans="1:36" ht="14.1" customHeight="1" thickTop="1" thickBot="1" x14ac:dyDescent="0.2">
      <c r="A46" s="357" t="s">
        <v>4</v>
      </c>
      <c r="B46" s="355"/>
      <c r="C46" s="24">
        <v>142271</v>
      </c>
      <c r="D46" s="17" t="s">
        <v>79</v>
      </c>
      <c r="E46" s="24">
        <v>0</v>
      </c>
      <c r="F46" s="17" t="s">
        <v>79</v>
      </c>
      <c r="G46" s="24">
        <v>186489</v>
      </c>
      <c r="H46" s="17" t="s">
        <v>79</v>
      </c>
      <c r="I46" s="70">
        <v>142271</v>
      </c>
      <c r="J46" s="18" t="s">
        <v>79</v>
      </c>
      <c r="K46" s="24">
        <v>208179</v>
      </c>
      <c r="L46" s="25" t="s">
        <v>79</v>
      </c>
      <c r="M46" s="24">
        <v>0</v>
      </c>
      <c r="N46" s="25" t="s">
        <v>79</v>
      </c>
      <c r="O46" s="24">
        <v>283069</v>
      </c>
      <c r="P46" s="25" t="s">
        <v>79</v>
      </c>
      <c r="Q46" s="70">
        <v>208179</v>
      </c>
      <c r="R46" s="79" t="s">
        <v>79</v>
      </c>
      <c r="S46" s="357" t="s">
        <v>4</v>
      </c>
      <c r="T46" s="358"/>
      <c r="U46" s="24">
        <v>25322</v>
      </c>
      <c r="V46" s="15" t="s">
        <v>79</v>
      </c>
      <c r="W46" s="24">
        <v>0</v>
      </c>
      <c r="X46" s="15" t="s">
        <v>79</v>
      </c>
      <c r="Y46" s="24">
        <v>30930</v>
      </c>
      <c r="Z46" s="15" t="s">
        <v>79</v>
      </c>
      <c r="AA46" s="71">
        <v>25322</v>
      </c>
      <c r="AB46" s="13" t="s">
        <v>79</v>
      </c>
      <c r="AC46" s="24">
        <v>382318</v>
      </c>
      <c r="AD46" s="15" t="s">
        <v>79</v>
      </c>
      <c r="AE46" s="24">
        <v>0</v>
      </c>
      <c r="AF46" s="15" t="s">
        <v>79</v>
      </c>
      <c r="AG46" s="24">
        <v>508128</v>
      </c>
      <c r="AH46" s="15" t="s">
        <v>79</v>
      </c>
      <c r="AI46" s="71">
        <v>382318</v>
      </c>
      <c r="AJ46" s="13" t="s">
        <v>79</v>
      </c>
    </row>
    <row r="47" spans="1:36" ht="14.1" customHeight="1" thickTop="1" thickBot="1" x14ac:dyDescent="0.2">
      <c r="A47" s="357" t="s">
        <v>3</v>
      </c>
      <c r="B47" s="355"/>
      <c r="C47" s="24">
        <v>132394</v>
      </c>
      <c r="D47" s="17" t="s">
        <v>79</v>
      </c>
      <c r="E47" s="24">
        <v>3842691</v>
      </c>
      <c r="F47" s="17" t="s">
        <v>79</v>
      </c>
      <c r="G47" s="24">
        <v>191898</v>
      </c>
      <c r="H47" s="17" t="s">
        <v>79</v>
      </c>
      <c r="I47" s="71">
        <v>132399</v>
      </c>
      <c r="J47" s="18" t="s">
        <v>79</v>
      </c>
      <c r="K47" s="24">
        <v>209588</v>
      </c>
      <c r="L47" s="25" t="s">
        <v>79</v>
      </c>
      <c r="M47" s="24">
        <v>-196541</v>
      </c>
      <c r="N47" s="25" t="s">
        <v>79</v>
      </c>
      <c r="O47" s="24">
        <v>302253</v>
      </c>
      <c r="P47" s="25" t="s">
        <v>79</v>
      </c>
      <c r="Q47" s="70">
        <v>209588</v>
      </c>
      <c r="R47" s="79" t="s">
        <v>79</v>
      </c>
      <c r="S47" s="357" t="s">
        <v>3</v>
      </c>
      <c r="T47" s="358"/>
      <c r="U47" s="24">
        <v>27721</v>
      </c>
      <c r="V47" s="15" t="s">
        <v>79</v>
      </c>
      <c r="W47" s="24">
        <v>-24290</v>
      </c>
      <c r="X47" s="15" t="s">
        <v>79</v>
      </c>
      <c r="Y47" s="24">
        <v>35130</v>
      </c>
      <c r="Z47" s="15" t="s">
        <v>79</v>
      </c>
      <c r="AA47" s="69">
        <v>27721</v>
      </c>
      <c r="AB47" s="13" t="s">
        <v>79</v>
      </c>
      <c r="AC47" s="24">
        <v>377901</v>
      </c>
      <c r="AD47" s="15" t="s">
        <v>79</v>
      </c>
      <c r="AE47" s="24">
        <v>3633470</v>
      </c>
      <c r="AF47" s="15" t="s">
        <v>79</v>
      </c>
      <c r="AG47" s="24">
        <v>538730</v>
      </c>
      <c r="AH47" s="15" t="s">
        <v>79</v>
      </c>
      <c r="AI47" s="69">
        <v>377905</v>
      </c>
      <c r="AJ47" s="13" t="s">
        <v>79</v>
      </c>
    </row>
    <row r="48" spans="1:36" ht="14.1" customHeight="1" thickTop="1" thickBot="1" x14ac:dyDescent="0.2">
      <c r="A48" s="357" t="s">
        <v>81</v>
      </c>
      <c r="B48" s="355"/>
      <c r="C48" s="24">
        <v>60523</v>
      </c>
      <c r="D48" s="17" t="s">
        <v>79</v>
      </c>
      <c r="E48" s="17" t="s">
        <v>79</v>
      </c>
      <c r="F48" s="17" t="s">
        <v>79</v>
      </c>
      <c r="G48" s="24">
        <v>181706</v>
      </c>
      <c r="H48" s="17" t="s">
        <v>79</v>
      </c>
      <c r="I48" s="69">
        <v>60523</v>
      </c>
      <c r="J48" s="18" t="s">
        <v>79</v>
      </c>
      <c r="K48" s="24">
        <v>124355</v>
      </c>
      <c r="L48" s="25" t="s">
        <v>79</v>
      </c>
      <c r="M48" s="25" t="s">
        <v>79</v>
      </c>
      <c r="N48" s="25" t="s">
        <v>79</v>
      </c>
      <c r="O48" s="24">
        <v>300990</v>
      </c>
      <c r="P48" s="25" t="s">
        <v>79</v>
      </c>
      <c r="Q48" s="70">
        <v>124355</v>
      </c>
      <c r="R48" s="79" t="s">
        <v>79</v>
      </c>
      <c r="S48" s="357" t="s">
        <v>81</v>
      </c>
      <c r="T48" s="358"/>
      <c r="U48" s="24">
        <v>21110</v>
      </c>
      <c r="V48" s="15" t="s">
        <v>79</v>
      </c>
      <c r="W48" s="15" t="s">
        <v>79</v>
      </c>
      <c r="X48" s="15" t="s">
        <v>79</v>
      </c>
      <c r="Y48" s="24">
        <v>30779</v>
      </c>
      <c r="Z48" s="15" t="s">
        <v>79</v>
      </c>
      <c r="AA48" s="69">
        <v>21110</v>
      </c>
      <c r="AB48" s="13" t="s">
        <v>79</v>
      </c>
      <c r="AC48" s="24">
        <v>209741</v>
      </c>
      <c r="AD48" s="15" t="s">
        <v>79</v>
      </c>
      <c r="AE48" s="15" t="s">
        <v>79</v>
      </c>
      <c r="AF48" s="15" t="s">
        <v>79</v>
      </c>
      <c r="AG48" s="24">
        <v>521445</v>
      </c>
      <c r="AH48" s="15" t="s">
        <v>79</v>
      </c>
      <c r="AI48" s="69">
        <v>209741</v>
      </c>
      <c r="AJ48" s="13" t="s">
        <v>79</v>
      </c>
    </row>
    <row r="49" spans="1:36" ht="14.1" customHeight="1" thickTop="1" thickBot="1" x14ac:dyDescent="0.2">
      <c r="A49" s="360" t="s">
        <v>80</v>
      </c>
      <c r="B49" s="361"/>
      <c r="C49" s="77">
        <v>127389</v>
      </c>
      <c r="D49" s="10" t="s">
        <v>79</v>
      </c>
      <c r="E49" s="78">
        <v>3842691</v>
      </c>
      <c r="F49" s="10" t="s">
        <v>79</v>
      </c>
      <c r="G49" s="77">
        <v>191695</v>
      </c>
      <c r="H49" s="10" t="s">
        <v>79</v>
      </c>
      <c r="I49" s="68">
        <v>127393</v>
      </c>
      <c r="J49" s="12" t="s">
        <v>79</v>
      </c>
      <c r="K49" s="77">
        <v>203652</v>
      </c>
      <c r="L49" s="8" t="s">
        <v>79</v>
      </c>
      <c r="M49" s="77">
        <v>-196541</v>
      </c>
      <c r="N49" s="8" t="s">
        <v>79</v>
      </c>
      <c r="O49" s="77">
        <v>302228</v>
      </c>
      <c r="P49" s="8" t="s">
        <v>79</v>
      </c>
      <c r="Q49" s="68">
        <v>203651</v>
      </c>
      <c r="R49" s="6" t="s">
        <v>79</v>
      </c>
      <c r="S49" s="360" t="s">
        <v>80</v>
      </c>
      <c r="T49" s="362"/>
      <c r="U49" s="68">
        <v>27260</v>
      </c>
      <c r="V49" s="8" t="s">
        <v>79</v>
      </c>
      <c r="W49" s="68">
        <v>-24290</v>
      </c>
      <c r="X49" s="8" t="s">
        <v>79</v>
      </c>
      <c r="Y49" s="68">
        <v>35044</v>
      </c>
      <c r="Z49" s="8" t="s">
        <v>79</v>
      </c>
      <c r="AA49" s="68">
        <v>27260</v>
      </c>
      <c r="AB49" s="6" t="s">
        <v>79</v>
      </c>
      <c r="AC49" s="68">
        <v>366189</v>
      </c>
      <c r="AD49" s="8" t="s">
        <v>79</v>
      </c>
      <c r="AE49" s="68">
        <v>3633470</v>
      </c>
      <c r="AF49" s="8" t="s">
        <v>79</v>
      </c>
      <c r="AG49" s="68">
        <v>538386</v>
      </c>
      <c r="AH49" s="8" t="s">
        <v>79</v>
      </c>
      <c r="AI49" s="68">
        <v>366193</v>
      </c>
      <c r="AJ49" s="6" t="s">
        <v>79</v>
      </c>
    </row>
    <row r="50" spans="1:36" s="330" customFormat="1" ht="14.1" customHeight="1" x14ac:dyDescent="0.15">
      <c r="A50" s="359" t="s">
        <v>92</v>
      </c>
      <c r="B50" s="359"/>
      <c r="C50" s="359"/>
      <c r="D50" s="359"/>
      <c r="E50" s="359"/>
      <c r="F50" s="359"/>
      <c r="G50" s="359"/>
      <c r="H50" s="359"/>
      <c r="I50" s="359"/>
      <c r="J50" s="359"/>
      <c r="K50" s="359"/>
      <c r="L50" s="359"/>
      <c r="M50" s="359"/>
      <c r="N50" s="359"/>
      <c r="O50" s="359"/>
      <c r="P50" s="359"/>
      <c r="Q50" s="359"/>
      <c r="R50" s="359"/>
      <c r="S50" s="359" t="s">
        <v>92</v>
      </c>
      <c r="T50" s="359"/>
      <c r="U50" s="359"/>
      <c r="V50" s="359"/>
      <c r="W50" s="359"/>
      <c r="X50" s="359"/>
      <c r="Y50" s="359"/>
      <c r="Z50" s="359"/>
      <c r="AA50" s="359"/>
      <c r="AB50" s="359"/>
      <c r="AC50" s="359"/>
      <c r="AD50" s="359"/>
      <c r="AE50" s="359"/>
      <c r="AF50" s="359"/>
      <c r="AG50" s="359"/>
      <c r="AH50" s="359"/>
      <c r="AI50" s="359"/>
      <c r="AJ50" s="359"/>
    </row>
    <row r="51" spans="1:36" s="2" customFormat="1" ht="21" customHeight="1" x14ac:dyDescent="0.15">
      <c r="A51" s="62" t="s">
        <v>91</v>
      </c>
      <c r="B51" s="60"/>
      <c r="C51" s="60"/>
      <c r="D51" s="60"/>
      <c r="E51" s="60"/>
      <c r="F51" s="60"/>
      <c r="G51" s="60"/>
      <c r="H51" s="60"/>
      <c r="I51" s="60"/>
      <c r="J51" s="60"/>
      <c r="K51" s="60"/>
      <c r="L51" s="60"/>
      <c r="M51" s="60"/>
      <c r="N51" s="60"/>
      <c r="O51" s="60"/>
      <c r="P51" s="60"/>
      <c r="Q51" s="60"/>
      <c r="R51" s="60"/>
      <c r="S51" s="76" t="s">
        <v>90</v>
      </c>
      <c r="T51" s="60"/>
      <c r="U51" s="60"/>
      <c r="V51" s="60"/>
      <c r="W51" s="60"/>
      <c r="X51" s="60"/>
      <c r="Y51" s="60"/>
      <c r="Z51" s="60"/>
      <c r="AA51" s="60"/>
      <c r="AB51" s="60"/>
      <c r="AC51" s="60"/>
      <c r="AD51" s="60"/>
      <c r="AE51" s="60"/>
      <c r="AF51" s="60"/>
      <c r="AG51" s="60"/>
      <c r="AH51" s="60"/>
      <c r="AI51" s="60"/>
      <c r="AJ51" s="60"/>
    </row>
    <row r="52" spans="1:36" s="2" customFormat="1" ht="7.5" customHeight="1" thickBot="1" x14ac:dyDescent="0.2">
      <c r="A52" s="75"/>
      <c r="B52" s="60"/>
      <c r="C52" s="60"/>
      <c r="D52" s="60"/>
      <c r="E52" s="60"/>
      <c r="F52" s="60"/>
      <c r="G52" s="60"/>
      <c r="H52" s="60"/>
      <c r="I52" s="60"/>
      <c r="J52" s="60"/>
      <c r="K52" s="60"/>
      <c r="L52" s="60"/>
      <c r="M52" s="60"/>
      <c r="N52" s="60"/>
      <c r="O52" s="60"/>
      <c r="P52" s="60"/>
      <c r="Q52" s="60"/>
      <c r="R52" s="60"/>
      <c r="S52" s="60"/>
      <c r="T52" s="60"/>
      <c r="U52" s="60"/>
      <c r="V52" s="60"/>
      <c r="W52" s="60"/>
      <c r="X52" s="60"/>
      <c r="Y52" s="60"/>
      <c r="Z52" s="60"/>
      <c r="AA52" s="60"/>
      <c r="AB52" s="60"/>
      <c r="AC52" s="60"/>
      <c r="AD52" s="60"/>
      <c r="AE52" s="60"/>
      <c r="AF52" s="60"/>
      <c r="AG52" s="60"/>
      <c r="AH52" s="60"/>
      <c r="AI52" s="60"/>
      <c r="AJ52" s="58"/>
    </row>
    <row r="53" spans="1:36" ht="11.25" x14ac:dyDescent="0.15">
      <c r="A53" s="341" t="s">
        <v>57</v>
      </c>
      <c r="B53" s="342"/>
      <c r="C53" s="347" t="s">
        <v>59</v>
      </c>
      <c r="D53" s="348"/>
      <c r="E53" s="348"/>
      <c r="F53" s="348"/>
      <c r="G53" s="348"/>
      <c r="H53" s="348"/>
      <c r="I53" s="348"/>
      <c r="J53" s="350"/>
      <c r="K53" s="349" t="s">
        <v>58</v>
      </c>
      <c r="L53" s="348"/>
      <c r="M53" s="348"/>
      <c r="N53" s="348"/>
      <c r="O53" s="348"/>
      <c r="P53" s="348"/>
      <c r="Q53" s="348"/>
      <c r="R53" s="350"/>
      <c r="S53" s="341" t="s">
        <v>57</v>
      </c>
      <c r="T53" s="351"/>
      <c r="U53" s="347" t="s">
        <v>56</v>
      </c>
      <c r="V53" s="348"/>
      <c r="W53" s="348"/>
      <c r="X53" s="348"/>
      <c r="Y53" s="348"/>
      <c r="Z53" s="348"/>
      <c r="AA53" s="348"/>
      <c r="AB53" s="350"/>
      <c r="AC53" s="348" t="s">
        <v>75</v>
      </c>
      <c r="AD53" s="348"/>
      <c r="AE53" s="348"/>
      <c r="AF53" s="348"/>
      <c r="AG53" s="348"/>
      <c r="AH53" s="348"/>
      <c r="AI53" s="348"/>
      <c r="AJ53" s="350"/>
    </row>
    <row r="54" spans="1:36" ht="10.5" customHeight="1" x14ac:dyDescent="0.15">
      <c r="A54" s="343"/>
      <c r="B54" s="344"/>
      <c r="C54" s="338" t="s">
        <v>53</v>
      </c>
      <c r="D54" s="340"/>
      <c r="E54" s="338" t="s">
        <v>52</v>
      </c>
      <c r="F54" s="340"/>
      <c r="G54" s="338" t="s">
        <v>51</v>
      </c>
      <c r="H54" s="340"/>
      <c r="I54" s="338" t="s">
        <v>50</v>
      </c>
      <c r="J54" s="339"/>
      <c r="K54" s="338" t="s">
        <v>53</v>
      </c>
      <c r="L54" s="340"/>
      <c r="M54" s="338" t="s">
        <v>54</v>
      </c>
      <c r="N54" s="340"/>
      <c r="O54" s="338" t="s">
        <v>51</v>
      </c>
      <c r="P54" s="340"/>
      <c r="Q54" s="338" t="s">
        <v>50</v>
      </c>
      <c r="R54" s="339"/>
      <c r="S54" s="343"/>
      <c r="T54" s="352"/>
      <c r="U54" s="338" t="s">
        <v>53</v>
      </c>
      <c r="V54" s="340"/>
      <c r="W54" s="338" t="s">
        <v>52</v>
      </c>
      <c r="X54" s="340"/>
      <c r="Y54" s="338" t="s">
        <v>51</v>
      </c>
      <c r="Z54" s="340"/>
      <c r="AA54" s="338" t="s">
        <v>50</v>
      </c>
      <c r="AB54" s="339"/>
      <c r="AC54" s="338" t="s">
        <v>53</v>
      </c>
      <c r="AD54" s="340"/>
      <c r="AE54" s="338" t="s">
        <v>52</v>
      </c>
      <c r="AF54" s="340"/>
      <c r="AG54" s="338" t="s">
        <v>51</v>
      </c>
      <c r="AH54" s="340"/>
      <c r="AI54" s="338" t="s">
        <v>50</v>
      </c>
      <c r="AJ54" s="339"/>
    </row>
    <row r="55" spans="1:36" ht="10.5" customHeight="1" thickBot="1" x14ac:dyDescent="0.2">
      <c r="A55" s="345"/>
      <c r="B55" s="346"/>
      <c r="C55" s="25" t="s">
        <v>89</v>
      </c>
      <c r="D55" s="56" t="s">
        <v>48</v>
      </c>
      <c r="E55" s="57" t="s">
        <v>89</v>
      </c>
      <c r="F55" s="57" t="s">
        <v>48</v>
      </c>
      <c r="G55" s="25" t="s">
        <v>89</v>
      </c>
      <c r="H55" s="56" t="s">
        <v>48</v>
      </c>
      <c r="I55" s="25" t="s">
        <v>89</v>
      </c>
      <c r="J55" s="55" t="s">
        <v>48</v>
      </c>
      <c r="K55" s="25" t="s">
        <v>89</v>
      </c>
      <c r="L55" s="56" t="s">
        <v>48</v>
      </c>
      <c r="M55" s="57" t="s">
        <v>89</v>
      </c>
      <c r="N55" s="57" t="s">
        <v>48</v>
      </c>
      <c r="O55" s="25" t="s">
        <v>89</v>
      </c>
      <c r="P55" s="56" t="s">
        <v>48</v>
      </c>
      <c r="Q55" s="25" t="s">
        <v>89</v>
      </c>
      <c r="R55" s="55" t="s">
        <v>48</v>
      </c>
      <c r="S55" s="345"/>
      <c r="T55" s="353"/>
      <c r="U55" s="25" t="s">
        <v>89</v>
      </c>
      <c r="V55" s="56" t="s">
        <v>48</v>
      </c>
      <c r="W55" s="57" t="s">
        <v>89</v>
      </c>
      <c r="X55" s="57" t="s">
        <v>48</v>
      </c>
      <c r="Y55" s="25" t="s">
        <v>89</v>
      </c>
      <c r="Z55" s="56" t="s">
        <v>48</v>
      </c>
      <c r="AA55" s="25" t="s">
        <v>89</v>
      </c>
      <c r="AB55" s="55" t="s">
        <v>48</v>
      </c>
      <c r="AC55" s="25" t="s">
        <v>89</v>
      </c>
      <c r="AD55" s="56" t="s">
        <v>48</v>
      </c>
      <c r="AE55" s="57" t="s">
        <v>89</v>
      </c>
      <c r="AF55" s="57" t="s">
        <v>48</v>
      </c>
      <c r="AG55" s="25" t="s">
        <v>89</v>
      </c>
      <c r="AH55" s="56" t="s">
        <v>48</v>
      </c>
      <c r="AI55" s="25" t="s">
        <v>89</v>
      </c>
      <c r="AJ55" s="55" t="s">
        <v>48</v>
      </c>
    </row>
    <row r="56" spans="1:36" ht="14.1" customHeight="1" thickTop="1" x14ac:dyDescent="0.15">
      <c r="A56" s="48">
        <v>1</v>
      </c>
      <c r="B56" s="53" t="s">
        <v>47</v>
      </c>
      <c r="C56" s="34">
        <v>47661</v>
      </c>
      <c r="D56" s="34">
        <v>4</v>
      </c>
      <c r="E56" s="34">
        <v>40783</v>
      </c>
      <c r="F56" s="34">
        <v>2</v>
      </c>
      <c r="G56" s="34">
        <v>56231</v>
      </c>
      <c r="H56" s="34">
        <v>2</v>
      </c>
      <c r="I56" s="34">
        <v>47660</v>
      </c>
      <c r="J56" s="36">
        <v>4</v>
      </c>
      <c r="K56" s="34">
        <v>16191</v>
      </c>
      <c r="L56" s="34">
        <v>29</v>
      </c>
      <c r="M56" s="34">
        <v>-24875</v>
      </c>
      <c r="N56" s="34">
        <v>33</v>
      </c>
      <c r="O56" s="34">
        <v>16480</v>
      </c>
      <c r="P56" s="34">
        <v>29</v>
      </c>
      <c r="Q56" s="34">
        <v>16191</v>
      </c>
      <c r="R56" s="36">
        <v>29</v>
      </c>
      <c r="S56" s="48">
        <v>1</v>
      </c>
      <c r="T56" s="34" t="s">
        <v>47</v>
      </c>
      <c r="U56" s="34">
        <v>8074</v>
      </c>
      <c r="V56" s="34">
        <v>8</v>
      </c>
      <c r="W56" s="34">
        <v>0</v>
      </c>
      <c r="X56" s="34">
        <v>4</v>
      </c>
      <c r="Y56" s="34">
        <v>7983</v>
      </c>
      <c r="Z56" s="34">
        <v>8</v>
      </c>
      <c r="AA56" s="34">
        <v>8074</v>
      </c>
      <c r="AB56" s="36">
        <v>8</v>
      </c>
      <c r="AC56" s="34">
        <v>19035</v>
      </c>
      <c r="AD56" s="34">
        <v>27</v>
      </c>
      <c r="AE56" s="34">
        <v>39057</v>
      </c>
      <c r="AF56" s="34">
        <v>2</v>
      </c>
      <c r="AG56" s="34">
        <v>20001</v>
      </c>
      <c r="AH56" s="33">
        <v>22</v>
      </c>
      <c r="AI56" s="34">
        <v>19035</v>
      </c>
      <c r="AJ56" s="31">
        <v>27</v>
      </c>
    </row>
    <row r="57" spans="1:36" ht="14.1" customHeight="1" x14ac:dyDescent="0.15">
      <c r="A57" s="38">
        <v>2</v>
      </c>
      <c r="B57" s="53" t="s">
        <v>46</v>
      </c>
      <c r="C57" s="34">
        <v>47439</v>
      </c>
      <c r="D57" s="34">
        <v>5</v>
      </c>
      <c r="E57" s="34">
        <v>78971</v>
      </c>
      <c r="F57" s="34">
        <v>1</v>
      </c>
      <c r="G57" s="34">
        <v>52859</v>
      </c>
      <c r="H57" s="34">
        <v>9</v>
      </c>
      <c r="I57" s="34">
        <v>47437</v>
      </c>
      <c r="J57" s="36">
        <v>5</v>
      </c>
      <c r="K57" s="34">
        <v>16290</v>
      </c>
      <c r="L57" s="34">
        <v>28</v>
      </c>
      <c r="M57" s="34">
        <v>339150</v>
      </c>
      <c r="N57" s="34">
        <v>1</v>
      </c>
      <c r="O57" s="34">
        <v>16615</v>
      </c>
      <c r="P57" s="34">
        <v>28</v>
      </c>
      <c r="Q57" s="34">
        <v>16290</v>
      </c>
      <c r="R57" s="36">
        <v>28</v>
      </c>
      <c r="S57" s="38">
        <v>2</v>
      </c>
      <c r="T57" s="34" t="s">
        <v>46</v>
      </c>
      <c r="U57" s="34">
        <v>7941</v>
      </c>
      <c r="V57" s="34">
        <v>19</v>
      </c>
      <c r="W57" s="34">
        <v>0</v>
      </c>
      <c r="X57" s="34">
        <v>4</v>
      </c>
      <c r="Y57" s="34">
        <v>7849</v>
      </c>
      <c r="Z57" s="34">
        <v>19</v>
      </c>
      <c r="AA57" s="34">
        <v>7941</v>
      </c>
      <c r="AB57" s="36">
        <v>19</v>
      </c>
      <c r="AC57" s="34">
        <v>19219</v>
      </c>
      <c r="AD57" s="34">
        <v>21</v>
      </c>
      <c r="AE57" s="34">
        <v>135405</v>
      </c>
      <c r="AF57" s="34">
        <v>1</v>
      </c>
      <c r="AG57" s="34">
        <v>20359</v>
      </c>
      <c r="AH57" s="33">
        <v>19</v>
      </c>
      <c r="AI57" s="34">
        <v>19218</v>
      </c>
      <c r="AJ57" s="31">
        <v>21</v>
      </c>
    </row>
    <row r="58" spans="1:36" ht="14.1" customHeight="1" x14ac:dyDescent="0.15">
      <c r="A58" s="38">
        <v>3</v>
      </c>
      <c r="B58" s="53" t="s">
        <v>45</v>
      </c>
      <c r="C58" s="34">
        <v>48169</v>
      </c>
      <c r="D58" s="34">
        <v>2</v>
      </c>
      <c r="E58" s="34">
        <v>0</v>
      </c>
      <c r="F58" s="34">
        <v>3</v>
      </c>
      <c r="G58" s="34">
        <v>56571</v>
      </c>
      <c r="H58" s="34">
        <v>1</v>
      </c>
      <c r="I58" s="34">
        <v>48169</v>
      </c>
      <c r="J58" s="36">
        <v>2</v>
      </c>
      <c r="K58" s="34">
        <v>16180</v>
      </c>
      <c r="L58" s="34">
        <v>30</v>
      </c>
      <c r="M58" s="34">
        <v>0</v>
      </c>
      <c r="N58" s="34">
        <v>6</v>
      </c>
      <c r="O58" s="34">
        <v>16268</v>
      </c>
      <c r="P58" s="34">
        <v>32</v>
      </c>
      <c r="Q58" s="34">
        <v>16180</v>
      </c>
      <c r="R58" s="36">
        <v>30</v>
      </c>
      <c r="S58" s="38">
        <v>3</v>
      </c>
      <c r="T58" s="34" t="s">
        <v>45</v>
      </c>
      <c r="U58" s="34">
        <v>8053</v>
      </c>
      <c r="V58" s="34">
        <v>9</v>
      </c>
      <c r="W58" s="34">
        <v>0</v>
      </c>
      <c r="X58" s="34">
        <v>4</v>
      </c>
      <c r="Y58" s="34">
        <v>7919</v>
      </c>
      <c r="Z58" s="34">
        <v>14</v>
      </c>
      <c r="AA58" s="34">
        <v>8053</v>
      </c>
      <c r="AB58" s="36">
        <v>9</v>
      </c>
      <c r="AC58" s="34">
        <v>19212</v>
      </c>
      <c r="AD58" s="34">
        <v>22</v>
      </c>
      <c r="AE58" s="34">
        <v>0</v>
      </c>
      <c r="AF58" s="34">
        <v>6</v>
      </c>
      <c r="AG58" s="34">
        <v>19755</v>
      </c>
      <c r="AH58" s="33">
        <v>28</v>
      </c>
      <c r="AI58" s="34">
        <v>19212</v>
      </c>
      <c r="AJ58" s="31">
        <v>22</v>
      </c>
    </row>
    <row r="59" spans="1:36" ht="14.1" customHeight="1" x14ac:dyDescent="0.15">
      <c r="A59" s="38">
        <v>4</v>
      </c>
      <c r="B59" s="53" t="s">
        <v>44</v>
      </c>
      <c r="C59" s="34">
        <v>42289</v>
      </c>
      <c r="D59" s="34">
        <v>19</v>
      </c>
      <c r="E59" s="34">
        <v>0</v>
      </c>
      <c r="F59" s="34">
        <v>3</v>
      </c>
      <c r="G59" s="34">
        <v>49073</v>
      </c>
      <c r="H59" s="34">
        <v>21</v>
      </c>
      <c r="I59" s="34">
        <v>42289</v>
      </c>
      <c r="J59" s="36">
        <v>19</v>
      </c>
      <c r="K59" s="34">
        <v>16789</v>
      </c>
      <c r="L59" s="34">
        <v>21</v>
      </c>
      <c r="M59" s="34">
        <v>16511</v>
      </c>
      <c r="N59" s="34">
        <v>3</v>
      </c>
      <c r="O59" s="34">
        <v>16734</v>
      </c>
      <c r="P59" s="34">
        <v>27</v>
      </c>
      <c r="Q59" s="34">
        <v>16789</v>
      </c>
      <c r="R59" s="36">
        <v>21</v>
      </c>
      <c r="S59" s="38">
        <v>4</v>
      </c>
      <c r="T59" s="34" t="s">
        <v>44</v>
      </c>
      <c r="U59" s="34">
        <v>7827</v>
      </c>
      <c r="V59" s="34">
        <v>24</v>
      </c>
      <c r="W59" s="34">
        <v>9400</v>
      </c>
      <c r="X59" s="34">
        <v>2</v>
      </c>
      <c r="Y59" s="34">
        <v>7734</v>
      </c>
      <c r="Z59" s="34">
        <v>25</v>
      </c>
      <c r="AA59" s="34">
        <v>7827</v>
      </c>
      <c r="AB59" s="36">
        <v>24</v>
      </c>
      <c r="AC59" s="34">
        <v>19383</v>
      </c>
      <c r="AD59" s="34">
        <v>18</v>
      </c>
      <c r="AE59" s="34">
        <v>14594</v>
      </c>
      <c r="AF59" s="34">
        <v>4</v>
      </c>
      <c r="AG59" s="34">
        <v>19924</v>
      </c>
      <c r="AH59" s="33">
        <v>25</v>
      </c>
      <c r="AI59" s="34">
        <v>19383</v>
      </c>
      <c r="AJ59" s="31">
        <v>18</v>
      </c>
    </row>
    <row r="60" spans="1:36" ht="14.1" customHeight="1" x14ac:dyDescent="0.15">
      <c r="A60" s="38">
        <v>5</v>
      </c>
      <c r="B60" s="53" t="s">
        <v>43</v>
      </c>
      <c r="C60" s="34">
        <v>42922</v>
      </c>
      <c r="D60" s="34">
        <v>14</v>
      </c>
      <c r="E60" s="34">
        <v>0</v>
      </c>
      <c r="F60" s="34">
        <v>3</v>
      </c>
      <c r="G60" s="34">
        <v>50751</v>
      </c>
      <c r="H60" s="34">
        <v>15</v>
      </c>
      <c r="I60" s="34">
        <v>42922</v>
      </c>
      <c r="J60" s="36">
        <v>14</v>
      </c>
      <c r="K60" s="34">
        <v>16525</v>
      </c>
      <c r="L60" s="34">
        <v>24</v>
      </c>
      <c r="M60" s="34">
        <v>18251</v>
      </c>
      <c r="N60" s="34">
        <v>2</v>
      </c>
      <c r="O60" s="34">
        <v>17219</v>
      </c>
      <c r="P60" s="34">
        <v>17</v>
      </c>
      <c r="Q60" s="34">
        <v>16525</v>
      </c>
      <c r="R60" s="36">
        <v>24</v>
      </c>
      <c r="S60" s="38">
        <v>5</v>
      </c>
      <c r="T60" s="34" t="s">
        <v>43</v>
      </c>
      <c r="U60" s="34">
        <v>8186</v>
      </c>
      <c r="V60" s="34">
        <v>3</v>
      </c>
      <c r="W60" s="34">
        <v>11373</v>
      </c>
      <c r="X60" s="34">
        <v>1</v>
      </c>
      <c r="Y60" s="34">
        <v>8005</v>
      </c>
      <c r="Z60" s="34">
        <v>7</v>
      </c>
      <c r="AA60" s="34">
        <v>8186</v>
      </c>
      <c r="AB60" s="36">
        <v>3</v>
      </c>
      <c r="AC60" s="34">
        <v>18557</v>
      </c>
      <c r="AD60" s="34">
        <v>31</v>
      </c>
      <c r="AE60" s="34">
        <v>22156</v>
      </c>
      <c r="AF60" s="34">
        <v>3</v>
      </c>
      <c r="AG60" s="34">
        <v>19837</v>
      </c>
      <c r="AH60" s="33">
        <v>26</v>
      </c>
      <c r="AI60" s="34">
        <v>18557</v>
      </c>
      <c r="AJ60" s="31">
        <v>31</v>
      </c>
    </row>
    <row r="61" spans="1:36" ht="14.1" customHeight="1" x14ac:dyDescent="0.15">
      <c r="A61" s="38">
        <v>6</v>
      </c>
      <c r="B61" s="53" t="s">
        <v>42</v>
      </c>
      <c r="C61" s="34">
        <v>43237</v>
      </c>
      <c r="D61" s="34">
        <v>12</v>
      </c>
      <c r="E61" s="34">
        <v>0</v>
      </c>
      <c r="F61" s="34">
        <v>3</v>
      </c>
      <c r="G61" s="34">
        <v>52158</v>
      </c>
      <c r="H61" s="34">
        <v>12</v>
      </c>
      <c r="I61" s="34">
        <v>43237</v>
      </c>
      <c r="J61" s="36">
        <v>12</v>
      </c>
      <c r="K61" s="34">
        <v>15746</v>
      </c>
      <c r="L61" s="34">
        <v>33</v>
      </c>
      <c r="M61" s="34">
        <v>0</v>
      </c>
      <c r="N61" s="34">
        <v>6</v>
      </c>
      <c r="O61" s="34">
        <v>16249</v>
      </c>
      <c r="P61" s="34">
        <v>33</v>
      </c>
      <c r="Q61" s="34">
        <v>15746</v>
      </c>
      <c r="R61" s="36">
        <v>33</v>
      </c>
      <c r="S61" s="38">
        <v>6</v>
      </c>
      <c r="T61" s="34" t="s">
        <v>42</v>
      </c>
      <c r="U61" s="34">
        <v>7967</v>
      </c>
      <c r="V61" s="34">
        <v>16</v>
      </c>
      <c r="W61" s="34">
        <v>0</v>
      </c>
      <c r="X61" s="34">
        <v>4</v>
      </c>
      <c r="Y61" s="34">
        <v>7813</v>
      </c>
      <c r="Z61" s="34">
        <v>22</v>
      </c>
      <c r="AA61" s="34">
        <v>7967</v>
      </c>
      <c r="AB61" s="36">
        <v>16</v>
      </c>
      <c r="AC61" s="34">
        <v>18156</v>
      </c>
      <c r="AD61" s="34">
        <v>33</v>
      </c>
      <c r="AE61" s="34">
        <v>0</v>
      </c>
      <c r="AF61" s="34">
        <v>6</v>
      </c>
      <c r="AG61" s="34">
        <v>19266</v>
      </c>
      <c r="AH61" s="33">
        <v>32</v>
      </c>
      <c r="AI61" s="34">
        <v>18156</v>
      </c>
      <c r="AJ61" s="31">
        <v>33</v>
      </c>
    </row>
    <row r="62" spans="1:36" ht="14.1" customHeight="1" x14ac:dyDescent="0.15">
      <c r="A62" s="38">
        <v>7</v>
      </c>
      <c r="B62" s="53" t="s">
        <v>41</v>
      </c>
      <c r="C62" s="34">
        <v>38374</v>
      </c>
      <c r="D62" s="34">
        <v>30</v>
      </c>
      <c r="E62" s="34">
        <v>0</v>
      </c>
      <c r="F62" s="34">
        <v>3</v>
      </c>
      <c r="G62" s="34">
        <v>44126</v>
      </c>
      <c r="H62" s="34">
        <v>30</v>
      </c>
      <c r="I62" s="34">
        <v>38374</v>
      </c>
      <c r="J62" s="36">
        <v>30</v>
      </c>
      <c r="K62" s="34">
        <v>16062</v>
      </c>
      <c r="L62" s="34">
        <v>31</v>
      </c>
      <c r="M62" s="34">
        <v>0</v>
      </c>
      <c r="N62" s="34">
        <v>6</v>
      </c>
      <c r="O62" s="34">
        <v>16335</v>
      </c>
      <c r="P62" s="34">
        <v>31</v>
      </c>
      <c r="Q62" s="34">
        <v>16062</v>
      </c>
      <c r="R62" s="36">
        <v>31</v>
      </c>
      <c r="S62" s="38">
        <v>7</v>
      </c>
      <c r="T62" s="34" t="s">
        <v>41</v>
      </c>
      <c r="U62" s="34">
        <v>8045</v>
      </c>
      <c r="V62" s="34">
        <v>11</v>
      </c>
      <c r="W62" s="34">
        <v>0</v>
      </c>
      <c r="X62" s="34">
        <v>4</v>
      </c>
      <c r="Y62" s="34">
        <v>8074</v>
      </c>
      <c r="Z62" s="34">
        <v>6</v>
      </c>
      <c r="AA62" s="34">
        <v>8045</v>
      </c>
      <c r="AB62" s="36">
        <v>11</v>
      </c>
      <c r="AC62" s="34">
        <v>19039</v>
      </c>
      <c r="AD62" s="34">
        <v>25</v>
      </c>
      <c r="AE62" s="34">
        <v>0</v>
      </c>
      <c r="AF62" s="34">
        <v>6</v>
      </c>
      <c r="AG62" s="34">
        <v>19964</v>
      </c>
      <c r="AH62" s="33">
        <v>23</v>
      </c>
      <c r="AI62" s="34">
        <v>19039</v>
      </c>
      <c r="AJ62" s="31">
        <v>25</v>
      </c>
    </row>
    <row r="63" spans="1:36" ht="14.1" customHeight="1" x14ac:dyDescent="0.15">
      <c r="A63" s="38">
        <v>8</v>
      </c>
      <c r="B63" s="53" t="s">
        <v>40</v>
      </c>
      <c r="C63" s="34">
        <v>45710</v>
      </c>
      <c r="D63" s="34">
        <v>6</v>
      </c>
      <c r="E63" s="34">
        <v>0</v>
      </c>
      <c r="F63" s="34">
        <v>3</v>
      </c>
      <c r="G63" s="34">
        <v>53452</v>
      </c>
      <c r="H63" s="34">
        <v>8</v>
      </c>
      <c r="I63" s="34">
        <v>45710</v>
      </c>
      <c r="J63" s="36">
        <v>6</v>
      </c>
      <c r="K63" s="34">
        <v>16691</v>
      </c>
      <c r="L63" s="34">
        <v>23</v>
      </c>
      <c r="M63" s="34">
        <v>0</v>
      </c>
      <c r="N63" s="34">
        <v>6</v>
      </c>
      <c r="O63" s="34">
        <v>17005</v>
      </c>
      <c r="P63" s="34">
        <v>22</v>
      </c>
      <c r="Q63" s="34">
        <v>16691</v>
      </c>
      <c r="R63" s="36">
        <v>23</v>
      </c>
      <c r="S63" s="38">
        <v>8</v>
      </c>
      <c r="T63" s="34" t="s">
        <v>40</v>
      </c>
      <c r="U63" s="34">
        <v>8000</v>
      </c>
      <c r="V63" s="34">
        <v>12</v>
      </c>
      <c r="W63" s="34">
        <v>0</v>
      </c>
      <c r="X63" s="34">
        <v>4</v>
      </c>
      <c r="Y63" s="34">
        <v>7898</v>
      </c>
      <c r="Z63" s="34">
        <v>15</v>
      </c>
      <c r="AA63" s="34">
        <v>8000</v>
      </c>
      <c r="AB63" s="36">
        <v>12</v>
      </c>
      <c r="AC63" s="34">
        <v>19158</v>
      </c>
      <c r="AD63" s="34">
        <v>23</v>
      </c>
      <c r="AE63" s="34">
        <v>0</v>
      </c>
      <c r="AF63" s="34">
        <v>6</v>
      </c>
      <c r="AG63" s="34">
        <v>20083</v>
      </c>
      <c r="AH63" s="33">
        <v>21</v>
      </c>
      <c r="AI63" s="34">
        <v>19158</v>
      </c>
      <c r="AJ63" s="31">
        <v>23</v>
      </c>
    </row>
    <row r="64" spans="1:36" ht="14.1" customHeight="1" x14ac:dyDescent="0.15">
      <c r="A64" s="38">
        <v>9</v>
      </c>
      <c r="B64" s="53" t="s">
        <v>39</v>
      </c>
      <c r="C64" s="34">
        <v>45550</v>
      </c>
      <c r="D64" s="34">
        <v>7</v>
      </c>
      <c r="E64" s="34">
        <v>0</v>
      </c>
      <c r="F64" s="34">
        <v>3</v>
      </c>
      <c r="G64" s="34">
        <v>54699</v>
      </c>
      <c r="H64" s="34">
        <v>6</v>
      </c>
      <c r="I64" s="34">
        <v>45550</v>
      </c>
      <c r="J64" s="36">
        <v>7</v>
      </c>
      <c r="K64" s="34">
        <v>16842</v>
      </c>
      <c r="L64" s="34">
        <v>19</v>
      </c>
      <c r="M64" s="34">
        <v>0</v>
      </c>
      <c r="N64" s="34">
        <v>6</v>
      </c>
      <c r="O64" s="34">
        <v>17336</v>
      </c>
      <c r="P64" s="34">
        <v>15</v>
      </c>
      <c r="Q64" s="34">
        <v>16842</v>
      </c>
      <c r="R64" s="36">
        <v>19</v>
      </c>
      <c r="S64" s="38">
        <v>9</v>
      </c>
      <c r="T64" s="34" t="s">
        <v>39</v>
      </c>
      <c r="U64" s="34">
        <v>7736</v>
      </c>
      <c r="V64" s="34">
        <v>28</v>
      </c>
      <c r="W64" s="34">
        <v>0</v>
      </c>
      <c r="X64" s="34">
        <v>4</v>
      </c>
      <c r="Y64" s="34">
        <v>7669</v>
      </c>
      <c r="Z64" s="34">
        <v>27</v>
      </c>
      <c r="AA64" s="34">
        <v>7736</v>
      </c>
      <c r="AB64" s="36">
        <v>28</v>
      </c>
      <c r="AC64" s="34">
        <v>19143</v>
      </c>
      <c r="AD64" s="34">
        <v>24</v>
      </c>
      <c r="AE64" s="34">
        <v>0</v>
      </c>
      <c r="AF64" s="34">
        <v>6</v>
      </c>
      <c r="AG64" s="34">
        <v>20482</v>
      </c>
      <c r="AH64" s="33">
        <v>14</v>
      </c>
      <c r="AI64" s="34">
        <v>19143</v>
      </c>
      <c r="AJ64" s="31">
        <v>24</v>
      </c>
    </row>
    <row r="65" spans="1:36" ht="14.1" customHeight="1" x14ac:dyDescent="0.15">
      <c r="A65" s="38">
        <v>10</v>
      </c>
      <c r="B65" s="53" t="s">
        <v>38</v>
      </c>
      <c r="C65" s="34">
        <v>40570</v>
      </c>
      <c r="D65" s="34">
        <v>27</v>
      </c>
      <c r="E65" s="34">
        <v>0</v>
      </c>
      <c r="F65" s="34">
        <v>3</v>
      </c>
      <c r="G65" s="34">
        <v>47528</v>
      </c>
      <c r="H65" s="34">
        <v>25</v>
      </c>
      <c r="I65" s="34">
        <v>40569</v>
      </c>
      <c r="J65" s="36">
        <v>27</v>
      </c>
      <c r="K65" s="34">
        <v>17087</v>
      </c>
      <c r="L65" s="34">
        <v>16</v>
      </c>
      <c r="M65" s="34">
        <v>1702</v>
      </c>
      <c r="N65" s="34">
        <v>5</v>
      </c>
      <c r="O65" s="34">
        <v>17722</v>
      </c>
      <c r="P65" s="34">
        <v>10</v>
      </c>
      <c r="Q65" s="34">
        <v>17087</v>
      </c>
      <c r="R65" s="36">
        <v>16</v>
      </c>
      <c r="S65" s="38">
        <v>10</v>
      </c>
      <c r="T65" s="34" t="s">
        <v>38</v>
      </c>
      <c r="U65" s="34">
        <v>7945</v>
      </c>
      <c r="V65" s="34">
        <v>17</v>
      </c>
      <c r="W65" s="34">
        <v>0</v>
      </c>
      <c r="X65" s="34">
        <v>4</v>
      </c>
      <c r="Y65" s="34">
        <v>7847</v>
      </c>
      <c r="Z65" s="34">
        <v>20</v>
      </c>
      <c r="AA65" s="34">
        <v>7945</v>
      </c>
      <c r="AB65" s="36">
        <v>17</v>
      </c>
      <c r="AC65" s="34">
        <v>19349</v>
      </c>
      <c r="AD65" s="34">
        <v>19</v>
      </c>
      <c r="AE65" s="34">
        <v>0</v>
      </c>
      <c r="AF65" s="34">
        <v>6</v>
      </c>
      <c r="AG65" s="34">
        <v>20653</v>
      </c>
      <c r="AH65" s="33">
        <v>13</v>
      </c>
      <c r="AI65" s="34">
        <v>19349</v>
      </c>
      <c r="AJ65" s="31">
        <v>19</v>
      </c>
    </row>
    <row r="66" spans="1:36" ht="14.1" customHeight="1" x14ac:dyDescent="0.15">
      <c r="A66" s="38">
        <v>11</v>
      </c>
      <c r="B66" s="53" t="s">
        <v>37</v>
      </c>
      <c r="C66" s="34">
        <v>47989</v>
      </c>
      <c r="D66" s="34">
        <v>3</v>
      </c>
      <c r="E66" s="34">
        <v>0</v>
      </c>
      <c r="F66" s="34">
        <v>3</v>
      </c>
      <c r="G66" s="34">
        <v>55567</v>
      </c>
      <c r="H66" s="34">
        <v>5</v>
      </c>
      <c r="I66" s="34">
        <v>47989</v>
      </c>
      <c r="J66" s="36">
        <v>3</v>
      </c>
      <c r="K66" s="34">
        <v>16301</v>
      </c>
      <c r="L66" s="34">
        <v>27</v>
      </c>
      <c r="M66" s="34">
        <v>0</v>
      </c>
      <c r="N66" s="34">
        <v>6</v>
      </c>
      <c r="O66" s="34">
        <v>17072</v>
      </c>
      <c r="P66" s="34">
        <v>21</v>
      </c>
      <c r="Q66" s="34">
        <v>16301</v>
      </c>
      <c r="R66" s="36">
        <v>27</v>
      </c>
      <c r="S66" s="38">
        <v>11</v>
      </c>
      <c r="T66" s="34" t="s">
        <v>37</v>
      </c>
      <c r="U66" s="34">
        <v>8254</v>
      </c>
      <c r="V66" s="34">
        <v>2</v>
      </c>
      <c r="W66" s="34">
        <v>0</v>
      </c>
      <c r="X66" s="34">
        <v>4</v>
      </c>
      <c r="Y66" s="34">
        <v>8363</v>
      </c>
      <c r="Z66" s="34">
        <v>1</v>
      </c>
      <c r="AA66" s="34">
        <v>8254</v>
      </c>
      <c r="AB66" s="36">
        <v>2</v>
      </c>
      <c r="AC66" s="34">
        <v>19290</v>
      </c>
      <c r="AD66" s="34">
        <v>20</v>
      </c>
      <c r="AE66" s="34">
        <v>0</v>
      </c>
      <c r="AF66" s="34">
        <v>6</v>
      </c>
      <c r="AG66" s="34">
        <v>20740</v>
      </c>
      <c r="AH66" s="33">
        <v>11</v>
      </c>
      <c r="AI66" s="34">
        <v>19290</v>
      </c>
      <c r="AJ66" s="31">
        <v>20</v>
      </c>
    </row>
    <row r="67" spans="1:36" ht="14.1" customHeight="1" x14ac:dyDescent="0.15">
      <c r="A67" s="38">
        <v>12</v>
      </c>
      <c r="B67" s="53" t="s">
        <v>36</v>
      </c>
      <c r="C67" s="34">
        <v>40219</v>
      </c>
      <c r="D67" s="34">
        <v>28</v>
      </c>
      <c r="E67" s="34">
        <v>0</v>
      </c>
      <c r="F67" s="34">
        <v>3</v>
      </c>
      <c r="G67" s="34">
        <v>46960</v>
      </c>
      <c r="H67" s="34">
        <v>26</v>
      </c>
      <c r="I67" s="34">
        <v>40219</v>
      </c>
      <c r="J67" s="36">
        <v>28</v>
      </c>
      <c r="K67" s="34">
        <v>17205</v>
      </c>
      <c r="L67" s="34">
        <v>14</v>
      </c>
      <c r="M67" s="34">
        <v>0</v>
      </c>
      <c r="N67" s="34">
        <v>6</v>
      </c>
      <c r="O67" s="34">
        <v>17785</v>
      </c>
      <c r="P67" s="34">
        <v>9</v>
      </c>
      <c r="Q67" s="34">
        <v>17205</v>
      </c>
      <c r="R67" s="36">
        <v>14</v>
      </c>
      <c r="S67" s="38">
        <v>12</v>
      </c>
      <c r="T67" s="34" t="s">
        <v>36</v>
      </c>
      <c r="U67" s="34">
        <v>7559</v>
      </c>
      <c r="V67" s="34">
        <v>30</v>
      </c>
      <c r="W67" s="34">
        <v>0</v>
      </c>
      <c r="X67" s="34">
        <v>4</v>
      </c>
      <c r="Y67" s="34">
        <v>7472</v>
      </c>
      <c r="Z67" s="34">
        <v>30</v>
      </c>
      <c r="AA67" s="34">
        <v>7559</v>
      </c>
      <c r="AB67" s="36">
        <v>30</v>
      </c>
      <c r="AC67" s="34">
        <v>19655</v>
      </c>
      <c r="AD67" s="34">
        <v>13</v>
      </c>
      <c r="AE67" s="34">
        <v>0</v>
      </c>
      <c r="AF67" s="34">
        <v>6</v>
      </c>
      <c r="AG67" s="34">
        <v>20749</v>
      </c>
      <c r="AH67" s="33">
        <v>10</v>
      </c>
      <c r="AI67" s="34">
        <v>19655</v>
      </c>
      <c r="AJ67" s="31">
        <v>13</v>
      </c>
    </row>
    <row r="68" spans="1:36" ht="14.1" customHeight="1" x14ac:dyDescent="0.15">
      <c r="A68" s="38">
        <v>13</v>
      </c>
      <c r="B68" s="53" t="s">
        <v>35</v>
      </c>
      <c r="C68" s="34">
        <v>42822</v>
      </c>
      <c r="D68" s="34">
        <v>16</v>
      </c>
      <c r="E68" s="34">
        <v>0</v>
      </c>
      <c r="F68" s="34">
        <v>3</v>
      </c>
      <c r="G68" s="34">
        <v>49606</v>
      </c>
      <c r="H68" s="34">
        <v>20</v>
      </c>
      <c r="I68" s="34">
        <v>42822</v>
      </c>
      <c r="J68" s="36">
        <v>16</v>
      </c>
      <c r="K68" s="34">
        <v>16475</v>
      </c>
      <c r="L68" s="34">
        <v>26</v>
      </c>
      <c r="M68" s="34">
        <v>0</v>
      </c>
      <c r="N68" s="34">
        <v>6</v>
      </c>
      <c r="O68" s="34">
        <v>16817</v>
      </c>
      <c r="P68" s="34">
        <v>26</v>
      </c>
      <c r="Q68" s="34">
        <v>16475</v>
      </c>
      <c r="R68" s="36">
        <v>26</v>
      </c>
      <c r="S68" s="38">
        <v>13</v>
      </c>
      <c r="T68" s="34" t="s">
        <v>35</v>
      </c>
      <c r="U68" s="34">
        <v>7910</v>
      </c>
      <c r="V68" s="34">
        <v>22</v>
      </c>
      <c r="W68" s="34">
        <v>0</v>
      </c>
      <c r="X68" s="34">
        <v>4</v>
      </c>
      <c r="Y68" s="34">
        <v>7863</v>
      </c>
      <c r="Z68" s="34">
        <v>17</v>
      </c>
      <c r="AA68" s="34">
        <v>7910</v>
      </c>
      <c r="AB68" s="36">
        <v>22</v>
      </c>
      <c r="AC68" s="34">
        <v>19514</v>
      </c>
      <c r="AD68" s="34">
        <v>15</v>
      </c>
      <c r="AE68" s="34">
        <v>0</v>
      </c>
      <c r="AF68" s="34">
        <v>6</v>
      </c>
      <c r="AG68" s="34">
        <v>20397</v>
      </c>
      <c r="AH68" s="33">
        <v>18</v>
      </c>
      <c r="AI68" s="34">
        <v>19514</v>
      </c>
      <c r="AJ68" s="31">
        <v>15</v>
      </c>
    </row>
    <row r="69" spans="1:36" ht="14.1" customHeight="1" x14ac:dyDescent="0.15">
      <c r="A69" s="38">
        <v>14</v>
      </c>
      <c r="B69" s="53" t="s">
        <v>34</v>
      </c>
      <c r="C69" s="34">
        <v>44425</v>
      </c>
      <c r="D69" s="34">
        <v>10</v>
      </c>
      <c r="E69" s="34">
        <v>0</v>
      </c>
      <c r="F69" s="34">
        <v>3</v>
      </c>
      <c r="G69" s="34">
        <v>50614</v>
      </c>
      <c r="H69" s="34">
        <v>16</v>
      </c>
      <c r="I69" s="34">
        <v>44425</v>
      </c>
      <c r="J69" s="36">
        <v>10</v>
      </c>
      <c r="K69" s="34">
        <v>17045</v>
      </c>
      <c r="L69" s="34">
        <v>17</v>
      </c>
      <c r="M69" s="34">
        <v>3667</v>
      </c>
      <c r="N69" s="34">
        <v>4</v>
      </c>
      <c r="O69" s="34">
        <v>17362</v>
      </c>
      <c r="P69" s="34">
        <v>14</v>
      </c>
      <c r="Q69" s="34">
        <v>17045</v>
      </c>
      <c r="R69" s="36">
        <v>17</v>
      </c>
      <c r="S69" s="38">
        <v>14</v>
      </c>
      <c r="T69" s="34" t="s">
        <v>34</v>
      </c>
      <c r="U69" s="34">
        <v>7988</v>
      </c>
      <c r="V69" s="34">
        <v>14</v>
      </c>
      <c r="W69" s="34">
        <v>0</v>
      </c>
      <c r="X69" s="34">
        <v>4</v>
      </c>
      <c r="Y69" s="34">
        <v>7851</v>
      </c>
      <c r="Z69" s="34">
        <v>18</v>
      </c>
      <c r="AA69" s="34">
        <v>7988</v>
      </c>
      <c r="AB69" s="36">
        <v>14</v>
      </c>
      <c r="AC69" s="34">
        <v>19451</v>
      </c>
      <c r="AD69" s="34">
        <v>16</v>
      </c>
      <c r="AE69" s="34">
        <v>0</v>
      </c>
      <c r="AF69" s="34">
        <v>6</v>
      </c>
      <c r="AG69" s="34">
        <v>20415</v>
      </c>
      <c r="AH69" s="33">
        <v>16</v>
      </c>
      <c r="AI69" s="34">
        <v>19451</v>
      </c>
      <c r="AJ69" s="31">
        <v>16</v>
      </c>
    </row>
    <row r="70" spans="1:36" ht="14.1" customHeight="1" x14ac:dyDescent="0.15">
      <c r="A70" s="38">
        <v>15</v>
      </c>
      <c r="B70" s="53" t="s">
        <v>33</v>
      </c>
      <c r="C70" s="34">
        <v>41532</v>
      </c>
      <c r="D70" s="34">
        <v>22</v>
      </c>
      <c r="E70" s="34">
        <v>0</v>
      </c>
      <c r="F70" s="34">
        <v>3</v>
      </c>
      <c r="G70" s="34">
        <v>48136</v>
      </c>
      <c r="H70" s="34">
        <v>24</v>
      </c>
      <c r="I70" s="34">
        <v>41531</v>
      </c>
      <c r="J70" s="36">
        <v>22</v>
      </c>
      <c r="K70" s="34">
        <v>18110</v>
      </c>
      <c r="L70" s="34">
        <v>6</v>
      </c>
      <c r="M70" s="34">
        <v>0</v>
      </c>
      <c r="N70" s="34">
        <v>6</v>
      </c>
      <c r="O70" s="34">
        <v>18941</v>
      </c>
      <c r="P70" s="34">
        <v>4</v>
      </c>
      <c r="Q70" s="34">
        <v>18110</v>
      </c>
      <c r="R70" s="36">
        <v>6</v>
      </c>
      <c r="S70" s="38">
        <v>15</v>
      </c>
      <c r="T70" s="34" t="s">
        <v>33</v>
      </c>
      <c r="U70" s="34">
        <v>7845</v>
      </c>
      <c r="V70" s="34">
        <v>23</v>
      </c>
      <c r="W70" s="34">
        <v>0</v>
      </c>
      <c r="X70" s="34">
        <v>4</v>
      </c>
      <c r="Y70" s="34">
        <v>7871</v>
      </c>
      <c r="Z70" s="34">
        <v>16</v>
      </c>
      <c r="AA70" s="34">
        <v>7845</v>
      </c>
      <c r="AB70" s="36">
        <v>23</v>
      </c>
      <c r="AC70" s="34">
        <v>20390</v>
      </c>
      <c r="AD70" s="34">
        <v>6</v>
      </c>
      <c r="AE70" s="34">
        <v>0</v>
      </c>
      <c r="AF70" s="34">
        <v>6</v>
      </c>
      <c r="AG70" s="34">
        <v>21645</v>
      </c>
      <c r="AH70" s="33">
        <v>6</v>
      </c>
      <c r="AI70" s="34">
        <v>20390</v>
      </c>
      <c r="AJ70" s="54">
        <v>6</v>
      </c>
    </row>
    <row r="71" spans="1:36" ht="14.1" customHeight="1" x14ac:dyDescent="0.15">
      <c r="A71" s="38">
        <v>16</v>
      </c>
      <c r="B71" s="53" t="s">
        <v>32</v>
      </c>
      <c r="C71" s="34">
        <v>42928</v>
      </c>
      <c r="D71" s="34">
        <v>13</v>
      </c>
      <c r="E71" s="34">
        <v>0</v>
      </c>
      <c r="F71" s="34">
        <v>3</v>
      </c>
      <c r="G71" s="34">
        <v>48694</v>
      </c>
      <c r="H71" s="34">
        <v>22</v>
      </c>
      <c r="I71" s="34">
        <v>42928</v>
      </c>
      <c r="J71" s="36">
        <v>13</v>
      </c>
      <c r="K71" s="34">
        <v>18199</v>
      </c>
      <c r="L71" s="34">
        <v>5</v>
      </c>
      <c r="M71" s="34">
        <v>0</v>
      </c>
      <c r="N71" s="34">
        <v>6</v>
      </c>
      <c r="O71" s="34">
        <v>18774</v>
      </c>
      <c r="P71" s="34">
        <v>5</v>
      </c>
      <c r="Q71" s="34">
        <v>18199</v>
      </c>
      <c r="R71" s="36">
        <v>5</v>
      </c>
      <c r="S71" s="38">
        <v>16</v>
      </c>
      <c r="T71" s="34" t="s">
        <v>32</v>
      </c>
      <c r="U71" s="34">
        <v>8097</v>
      </c>
      <c r="V71" s="34">
        <v>5</v>
      </c>
      <c r="W71" s="34">
        <v>0</v>
      </c>
      <c r="X71" s="34">
        <v>4</v>
      </c>
      <c r="Y71" s="34">
        <v>8126</v>
      </c>
      <c r="Z71" s="34">
        <v>4</v>
      </c>
      <c r="AA71" s="34">
        <v>8097</v>
      </c>
      <c r="AB71" s="36">
        <v>5</v>
      </c>
      <c r="AC71" s="34">
        <v>20254</v>
      </c>
      <c r="AD71" s="34">
        <v>8</v>
      </c>
      <c r="AE71" s="34">
        <v>0</v>
      </c>
      <c r="AF71" s="34">
        <v>6</v>
      </c>
      <c r="AG71" s="34">
        <v>21406</v>
      </c>
      <c r="AH71" s="33">
        <v>7</v>
      </c>
      <c r="AI71" s="34">
        <v>20254</v>
      </c>
      <c r="AJ71" s="54">
        <v>8</v>
      </c>
    </row>
    <row r="72" spans="1:36" ht="14.1" customHeight="1" x14ac:dyDescent="0.15">
      <c r="A72" s="38">
        <v>17</v>
      </c>
      <c r="B72" s="53" t="s">
        <v>31</v>
      </c>
      <c r="C72" s="34">
        <v>40892</v>
      </c>
      <c r="D72" s="34">
        <v>26</v>
      </c>
      <c r="E72" s="34">
        <v>0</v>
      </c>
      <c r="F72" s="34">
        <v>3</v>
      </c>
      <c r="G72" s="34">
        <v>45063</v>
      </c>
      <c r="H72" s="34">
        <v>29</v>
      </c>
      <c r="I72" s="34">
        <v>40892</v>
      </c>
      <c r="J72" s="36">
        <v>26</v>
      </c>
      <c r="K72" s="34">
        <v>16732</v>
      </c>
      <c r="L72" s="34">
        <v>22</v>
      </c>
      <c r="M72" s="34">
        <v>0</v>
      </c>
      <c r="N72" s="34">
        <v>6</v>
      </c>
      <c r="O72" s="34">
        <v>16854</v>
      </c>
      <c r="P72" s="34">
        <v>25</v>
      </c>
      <c r="Q72" s="34">
        <v>16732</v>
      </c>
      <c r="R72" s="36">
        <v>22</v>
      </c>
      <c r="S72" s="38">
        <v>17</v>
      </c>
      <c r="T72" s="34" t="s">
        <v>31</v>
      </c>
      <c r="U72" s="34">
        <v>7994</v>
      </c>
      <c r="V72" s="34">
        <v>13</v>
      </c>
      <c r="W72" s="34">
        <v>3091</v>
      </c>
      <c r="X72" s="34">
        <v>3</v>
      </c>
      <c r="Y72" s="34">
        <v>7935</v>
      </c>
      <c r="Z72" s="34">
        <v>13</v>
      </c>
      <c r="AA72" s="34">
        <v>7995</v>
      </c>
      <c r="AB72" s="36">
        <v>13</v>
      </c>
      <c r="AC72" s="34">
        <v>19036</v>
      </c>
      <c r="AD72" s="34">
        <v>26</v>
      </c>
      <c r="AE72" s="34">
        <v>6011</v>
      </c>
      <c r="AF72" s="34">
        <v>5</v>
      </c>
      <c r="AG72" s="34">
        <v>19735</v>
      </c>
      <c r="AH72" s="33">
        <v>29</v>
      </c>
      <c r="AI72" s="34">
        <v>19036</v>
      </c>
      <c r="AJ72" s="54">
        <v>26</v>
      </c>
    </row>
    <row r="73" spans="1:36" ht="14.1" customHeight="1" x14ac:dyDescent="0.15">
      <c r="A73" s="38">
        <v>18</v>
      </c>
      <c r="B73" s="53" t="s">
        <v>30</v>
      </c>
      <c r="C73" s="34">
        <v>37155</v>
      </c>
      <c r="D73" s="34">
        <v>31</v>
      </c>
      <c r="E73" s="34">
        <v>0</v>
      </c>
      <c r="F73" s="34">
        <v>3</v>
      </c>
      <c r="G73" s="34">
        <v>46732</v>
      </c>
      <c r="H73" s="34">
        <v>28</v>
      </c>
      <c r="I73" s="34">
        <v>37155</v>
      </c>
      <c r="J73" s="36">
        <v>31</v>
      </c>
      <c r="K73" s="34">
        <v>17132</v>
      </c>
      <c r="L73" s="34">
        <v>15</v>
      </c>
      <c r="M73" s="34">
        <v>0</v>
      </c>
      <c r="N73" s="34">
        <v>6</v>
      </c>
      <c r="O73" s="34">
        <v>17401</v>
      </c>
      <c r="P73" s="34">
        <v>13</v>
      </c>
      <c r="Q73" s="34">
        <v>17132</v>
      </c>
      <c r="R73" s="36">
        <v>15</v>
      </c>
      <c r="S73" s="38">
        <v>18</v>
      </c>
      <c r="T73" s="34" t="s">
        <v>30</v>
      </c>
      <c r="U73" s="34">
        <v>7509</v>
      </c>
      <c r="V73" s="34">
        <v>31</v>
      </c>
      <c r="W73" s="34">
        <v>0</v>
      </c>
      <c r="X73" s="34">
        <v>4</v>
      </c>
      <c r="Y73" s="34">
        <v>7468</v>
      </c>
      <c r="Z73" s="34">
        <v>31</v>
      </c>
      <c r="AA73" s="34">
        <v>7509</v>
      </c>
      <c r="AB73" s="36">
        <v>31</v>
      </c>
      <c r="AC73" s="34">
        <v>19027</v>
      </c>
      <c r="AD73" s="34">
        <v>28</v>
      </c>
      <c r="AE73" s="34">
        <v>0</v>
      </c>
      <c r="AF73" s="34">
        <v>6</v>
      </c>
      <c r="AG73" s="34">
        <v>19764</v>
      </c>
      <c r="AH73" s="33">
        <v>27</v>
      </c>
      <c r="AI73" s="34">
        <v>19027</v>
      </c>
      <c r="AJ73" s="54">
        <v>28</v>
      </c>
    </row>
    <row r="74" spans="1:36" ht="14.1" customHeight="1" x14ac:dyDescent="0.15">
      <c r="A74" s="38">
        <v>19</v>
      </c>
      <c r="B74" s="53" t="s">
        <v>29</v>
      </c>
      <c r="C74" s="34">
        <v>48639</v>
      </c>
      <c r="D74" s="34">
        <v>1</v>
      </c>
      <c r="E74" s="34">
        <v>0</v>
      </c>
      <c r="F74" s="34">
        <v>3</v>
      </c>
      <c r="G74" s="34">
        <v>55962</v>
      </c>
      <c r="H74" s="34">
        <v>4</v>
      </c>
      <c r="I74" s="34">
        <v>48639</v>
      </c>
      <c r="J74" s="36">
        <v>1</v>
      </c>
      <c r="K74" s="34">
        <v>16493</v>
      </c>
      <c r="L74" s="34">
        <v>25</v>
      </c>
      <c r="M74" s="34">
        <v>0</v>
      </c>
      <c r="N74" s="34">
        <v>6</v>
      </c>
      <c r="O74" s="34">
        <v>16980</v>
      </c>
      <c r="P74" s="34">
        <v>23</v>
      </c>
      <c r="Q74" s="34">
        <v>16493</v>
      </c>
      <c r="R74" s="36">
        <v>25</v>
      </c>
      <c r="S74" s="38">
        <v>19</v>
      </c>
      <c r="T74" s="34" t="s">
        <v>29</v>
      </c>
      <c r="U74" s="34">
        <v>8053</v>
      </c>
      <c r="V74" s="34">
        <v>9</v>
      </c>
      <c r="W74" s="34">
        <v>0</v>
      </c>
      <c r="X74" s="34">
        <v>4</v>
      </c>
      <c r="Y74" s="34">
        <v>7958</v>
      </c>
      <c r="Z74" s="34">
        <v>10</v>
      </c>
      <c r="AA74" s="34">
        <v>8053</v>
      </c>
      <c r="AB74" s="36">
        <v>9</v>
      </c>
      <c r="AC74" s="34">
        <v>18935</v>
      </c>
      <c r="AD74" s="34">
        <v>29</v>
      </c>
      <c r="AE74" s="34">
        <v>0</v>
      </c>
      <c r="AF74" s="34">
        <v>6</v>
      </c>
      <c r="AG74" s="34">
        <v>20409</v>
      </c>
      <c r="AH74" s="33">
        <v>17</v>
      </c>
      <c r="AI74" s="34">
        <v>18935</v>
      </c>
      <c r="AJ74" s="54">
        <v>29</v>
      </c>
    </row>
    <row r="75" spans="1:36" ht="14.1" customHeight="1" x14ac:dyDescent="0.15">
      <c r="A75" s="38">
        <v>20</v>
      </c>
      <c r="B75" s="53" t="s">
        <v>28</v>
      </c>
      <c r="C75" s="34">
        <v>43282</v>
      </c>
      <c r="D75" s="34">
        <v>11</v>
      </c>
      <c r="E75" s="34">
        <v>0</v>
      </c>
      <c r="F75" s="34">
        <v>3</v>
      </c>
      <c r="G75" s="34">
        <v>50309</v>
      </c>
      <c r="H75" s="34">
        <v>17</v>
      </c>
      <c r="I75" s="34">
        <v>43282</v>
      </c>
      <c r="J75" s="36">
        <v>11</v>
      </c>
      <c r="K75" s="34">
        <v>17719</v>
      </c>
      <c r="L75" s="34">
        <v>8</v>
      </c>
      <c r="M75" s="34">
        <v>0</v>
      </c>
      <c r="N75" s="34">
        <v>6</v>
      </c>
      <c r="O75" s="34">
        <v>17855</v>
      </c>
      <c r="P75" s="34">
        <v>8</v>
      </c>
      <c r="Q75" s="34">
        <v>17719</v>
      </c>
      <c r="R75" s="36">
        <v>8</v>
      </c>
      <c r="S75" s="38">
        <v>20</v>
      </c>
      <c r="T75" s="34" t="s">
        <v>28</v>
      </c>
      <c r="U75" s="34">
        <v>7766</v>
      </c>
      <c r="V75" s="34">
        <v>27</v>
      </c>
      <c r="W75" s="34">
        <v>0</v>
      </c>
      <c r="X75" s="34">
        <v>4</v>
      </c>
      <c r="Y75" s="34">
        <v>7758</v>
      </c>
      <c r="Z75" s="34">
        <v>24</v>
      </c>
      <c r="AA75" s="34">
        <v>7766</v>
      </c>
      <c r="AB75" s="36">
        <v>27</v>
      </c>
      <c r="AC75" s="34">
        <v>20242</v>
      </c>
      <c r="AD75" s="34">
        <v>9</v>
      </c>
      <c r="AE75" s="34">
        <v>0</v>
      </c>
      <c r="AF75" s="34">
        <v>6</v>
      </c>
      <c r="AG75" s="34">
        <v>21225</v>
      </c>
      <c r="AH75" s="33">
        <v>8</v>
      </c>
      <c r="AI75" s="34">
        <v>20242</v>
      </c>
      <c r="AJ75" s="54">
        <v>9</v>
      </c>
    </row>
    <row r="76" spans="1:36" ht="14.1" customHeight="1" x14ac:dyDescent="0.15">
      <c r="A76" s="38">
        <v>21</v>
      </c>
      <c r="B76" s="53" t="s">
        <v>27</v>
      </c>
      <c r="C76" s="34">
        <v>42842</v>
      </c>
      <c r="D76" s="34">
        <v>15</v>
      </c>
      <c r="E76" s="34">
        <v>0</v>
      </c>
      <c r="F76" s="34">
        <v>3</v>
      </c>
      <c r="G76" s="34">
        <v>52725</v>
      </c>
      <c r="H76" s="34">
        <v>10</v>
      </c>
      <c r="I76" s="34">
        <v>42842</v>
      </c>
      <c r="J76" s="36">
        <v>15</v>
      </c>
      <c r="K76" s="34">
        <v>18782</v>
      </c>
      <c r="L76" s="34">
        <v>2</v>
      </c>
      <c r="M76" s="34">
        <v>0</v>
      </c>
      <c r="N76" s="34">
        <v>6</v>
      </c>
      <c r="O76" s="34">
        <v>18466</v>
      </c>
      <c r="P76" s="34">
        <v>6</v>
      </c>
      <c r="Q76" s="34">
        <v>18782</v>
      </c>
      <c r="R76" s="36">
        <v>2</v>
      </c>
      <c r="S76" s="38">
        <v>21</v>
      </c>
      <c r="T76" s="34" t="s">
        <v>27</v>
      </c>
      <c r="U76" s="34">
        <v>8297</v>
      </c>
      <c r="V76" s="34">
        <v>1</v>
      </c>
      <c r="W76" s="34">
        <v>0</v>
      </c>
      <c r="X76" s="34">
        <v>4</v>
      </c>
      <c r="Y76" s="34">
        <v>8245</v>
      </c>
      <c r="Z76" s="34">
        <v>3</v>
      </c>
      <c r="AA76" s="34">
        <v>8297</v>
      </c>
      <c r="AB76" s="36">
        <v>1</v>
      </c>
      <c r="AC76" s="34">
        <v>20974</v>
      </c>
      <c r="AD76" s="34">
        <v>4</v>
      </c>
      <c r="AE76" s="34">
        <v>0</v>
      </c>
      <c r="AF76" s="34">
        <v>6</v>
      </c>
      <c r="AG76" s="34">
        <v>21842</v>
      </c>
      <c r="AH76" s="33">
        <v>4</v>
      </c>
      <c r="AI76" s="34">
        <v>20974</v>
      </c>
      <c r="AJ76" s="54">
        <v>4</v>
      </c>
    </row>
    <row r="77" spans="1:36" ht="14.1" customHeight="1" x14ac:dyDescent="0.15">
      <c r="A77" s="38">
        <v>22</v>
      </c>
      <c r="B77" s="53" t="s">
        <v>26</v>
      </c>
      <c r="C77" s="34">
        <v>41095</v>
      </c>
      <c r="D77" s="34">
        <v>25</v>
      </c>
      <c r="E77" s="34">
        <v>0</v>
      </c>
      <c r="F77" s="34">
        <v>3</v>
      </c>
      <c r="G77" s="34">
        <v>51115</v>
      </c>
      <c r="H77" s="34">
        <v>14</v>
      </c>
      <c r="I77" s="34">
        <v>41095</v>
      </c>
      <c r="J77" s="36">
        <v>25</v>
      </c>
      <c r="K77" s="34">
        <v>17493</v>
      </c>
      <c r="L77" s="34">
        <v>10</v>
      </c>
      <c r="M77" s="34">
        <v>0</v>
      </c>
      <c r="N77" s="34">
        <v>6</v>
      </c>
      <c r="O77" s="34">
        <v>17669</v>
      </c>
      <c r="P77" s="34">
        <v>11</v>
      </c>
      <c r="Q77" s="34">
        <v>17493</v>
      </c>
      <c r="R77" s="36">
        <v>10</v>
      </c>
      <c r="S77" s="38">
        <v>22</v>
      </c>
      <c r="T77" s="34" t="s">
        <v>26</v>
      </c>
      <c r="U77" s="34">
        <v>7976</v>
      </c>
      <c r="V77" s="34">
        <v>15</v>
      </c>
      <c r="W77" s="34">
        <v>0</v>
      </c>
      <c r="X77" s="34">
        <v>4</v>
      </c>
      <c r="Y77" s="34">
        <v>7955</v>
      </c>
      <c r="Z77" s="34">
        <v>11</v>
      </c>
      <c r="AA77" s="34">
        <v>7976</v>
      </c>
      <c r="AB77" s="36">
        <v>15</v>
      </c>
      <c r="AC77" s="34">
        <v>19972</v>
      </c>
      <c r="AD77" s="34">
        <v>11</v>
      </c>
      <c r="AE77" s="34">
        <v>0</v>
      </c>
      <c r="AF77" s="34">
        <v>6</v>
      </c>
      <c r="AG77" s="34">
        <v>20436</v>
      </c>
      <c r="AH77" s="33">
        <v>15</v>
      </c>
      <c r="AI77" s="34">
        <v>19972</v>
      </c>
      <c r="AJ77" s="54">
        <v>11</v>
      </c>
    </row>
    <row r="78" spans="1:36" ht="14.1" customHeight="1" x14ac:dyDescent="0.15">
      <c r="A78" s="38">
        <v>23</v>
      </c>
      <c r="B78" s="53" t="s">
        <v>25</v>
      </c>
      <c r="C78" s="34">
        <v>41471</v>
      </c>
      <c r="D78" s="34">
        <v>23</v>
      </c>
      <c r="E78" s="34">
        <v>0</v>
      </c>
      <c r="F78" s="34">
        <v>3</v>
      </c>
      <c r="G78" s="34">
        <v>49665</v>
      </c>
      <c r="H78" s="34">
        <v>19</v>
      </c>
      <c r="I78" s="34">
        <v>41471</v>
      </c>
      <c r="J78" s="36">
        <v>23</v>
      </c>
      <c r="K78" s="34">
        <v>16884</v>
      </c>
      <c r="L78" s="34">
        <v>18</v>
      </c>
      <c r="M78" s="34">
        <v>0</v>
      </c>
      <c r="N78" s="34">
        <v>6</v>
      </c>
      <c r="O78" s="34">
        <v>17231</v>
      </c>
      <c r="P78" s="34">
        <v>16</v>
      </c>
      <c r="Q78" s="34">
        <v>16884</v>
      </c>
      <c r="R78" s="36">
        <v>18</v>
      </c>
      <c r="S78" s="38">
        <v>23</v>
      </c>
      <c r="T78" s="34" t="s">
        <v>25</v>
      </c>
      <c r="U78" s="34">
        <v>7671</v>
      </c>
      <c r="V78" s="34">
        <v>29</v>
      </c>
      <c r="W78" s="34">
        <v>0</v>
      </c>
      <c r="X78" s="34">
        <v>4</v>
      </c>
      <c r="Y78" s="34">
        <v>7637</v>
      </c>
      <c r="Z78" s="34">
        <v>28</v>
      </c>
      <c r="AA78" s="34">
        <v>7671</v>
      </c>
      <c r="AB78" s="36">
        <v>29</v>
      </c>
      <c r="AC78" s="34">
        <v>19422</v>
      </c>
      <c r="AD78" s="34">
        <v>17</v>
      </c>
      <c r="AE78" s="34">
        <v>0</v>
      </c>
      <c r="AF78" s="34">
        <v>6</v>
      </c>
      <c r="AG78" s="34">
        <v>20160</v>
      </c>
      <c r="AH78" s="33">
        <v>20</v>
      </c>
      <c r="AI78" s="34">
        <v>19421</v>
      </c>
      <c r="AJ78" s="54">
        <v>17</v>
      </c>
    </row>
    <row r="79" spans="1:36" ht="14.1" customHeight="1" x14ac:dyDescent="0.15">
      <c r="A79" s="38">
        <v>24</v>
      </c>
      <c r="B79" s="53" t="s">
        <v>24</v>
      </c>
      <c r="C79" s="34">
        <v>44592</v>
      </c>
      <c r="D79" s="34">
        <v>8</v>
      </c>
      <c r="E79" s="34">
        <v>0</v>
      </c>
      <c r="F79" s="34">
        <v>3</v>
      </c>
      <c r="G79" s="34">
        <v>52234</v>
      </c>
      <c r="H79" s="34">
        <v>11</v>
      </c>
      <c r="I79" s="34">
        <v>44592</v>
      </c>
      <c r="J79" s="36">
        <v>8</v>
      </c>
      <c r="K79" s="34">
        <v>17951</v>
      </c>
      <c r="L79" s="34">
        <v>7</v>
      </c>
      <c r="M79" s="34">
        <v>0</v>
      </c>
      <c r="N79" s="34">
        <v>6</v>
      </c>
      <c r="O79" s="34">
        <v>18053</v>
      </c>
      <c r="P79" s="34">
        <v>7</v>
      </c>
      <c r="Q79" s="34">
        <v>17951</v>
      </c>
      <c r="R79" s="36">
        <v>7</v>
      </c>
      <c r="S79" s="38">
        <v>24</v>
      </c>
      <c r="T79" s="34" t="s">
        <v>24</v>
      </c>
      <c r="U79" s="34">
        <v>7413</v>
      </c>
      <c r="V79" s="34">
        <v>33</v>
      </c>
      <c r="W79" s="34">
        <v>0</v>
      </c>
      <c r="X79" s="34">
        <v>4</v>
      </c>
      <c r="Y79" s="34">
        <v>7258</v>
      </c>
      <c r="Z79" s="34">
        <v>33</v>
      </c>
      <c r="AA79" s="34">
        <v>7413</v>
      </c>
      <c r="AB79" s="36">
        <v>33</v>
      </c>
      <c r="AC79" s="34">
        <v>20366</v>
      </c>
      <c r="AD79" s="34">
        <v>7</v>
      </c>
      <c r="AE79" s="34">
        <v>0</v>
      </c>
      <c r="AF79" s="34">
        <v>6</v>
      </c>
      <c r="AG79" s="34">
        <v>20957</v>
      </c>
      <c r="AH79" s="33">
        <v>9</v>
      </c>
      <c r="AI79" s="34">
        <v>20366</v>
      </c>
      <c r="AJ79" s="54">
        <v>7</v>
      </c>
    </row>
    <row r="80" spans="1:36" ht="14.1" customHeight="1" x14ac:dyDescent="0.15">
      <c r="A80" s="38">
        <v>25</v>
      </c>
      <c r="B80" s="53" t="s">
        <v>23</v>
      </c>
      <c r="C80" s="34">
        <v>44502</v>
      </c>
      <c r="D80" s="34">
        <v>9</v>
      </c>
      <c r="E80" s="34">
        <v>0</v>
      </c>
      <c r="F80" s="34">
        <v>3</v>
      </c>
      <c r="G80" s="34">
        <v>46776</v>
      </c>
      <c r="H80" s="34">
        <v>27</v>
      </c>
      <c r="I80" s="34">
        <v>44502</v>
      </c>
      <c r="J80" s="36">
        <v>9</v>
      </c>
      <c r="K80" s="34">
        <v>15878</v>
      </c>
      <c r="L80" s="34">
        <v>32</v>
      </c>
      <c r="M80" s="34">
        <v>0</v>
      </c>
      <c r="N80" s="34">
        <v>6</v>
      </c>
      <c r="O80" s="34">
        <v>16415</v>
      </c>
      <c r="P80" s="34">
        <v>30</v>
      </c>
      <c r="Q80" s="34">
        <v>15878</v>
      </c>
      <c r="R80" s="36">
        <v>32</v>
      </c>
      <c r="S80" s="38">
        <v>25</v>
      </c>
      <c r="T80" s="34" t="s">
        <v>23</v>
      </c>
      <c r="U80" s="34">
        <v>7799</v>
      </c>
      <c r="V80" s="34">
        <v>25</v>
      </c>
      <c r="W80" s="34">
        <v>0</v>
      </c>
      <c r="X80" s="34">
        <v>4</v>
      </c>
      <c r="Y80" s="34">
        <v>7782</v>
      </c>
      <c r="Z80" s="34">
        <v>23</v>
      </c>
      <c r="AA80" s="34">
        <v>7799</v>
      </c>
      <c r="AB80" s="36">
        <v>25</v>
      </c>
      <c r="AC80" s="34">
        <v>18321</v>
      </c>
      <c r="AD80" s="34">
        <v>32</v>
      </c>
      <c r="AE80" s="34">
        <v>0</v>
      </c>
      <c r="AF80" s="34">
        <v>6</v>
      </c>
      <c r="AG80" s="34">
        <v>19378</v>
      </c>
      <c r="AH80" s="33">
        <v>31</v>
      </c>
      <c r="AI80" s="34">
        <v>18321</v>
      </c>
      <c r="AJ80" s="54">
        <v>32</v>
      </c>
    </row>
    <row r="81" spans="1:36" ht="14.1" customHeight="1" x14ac:dyDescent="0.15">
      <c r="A81" s="38">
        <v>26</v>
      </c>
      <c r="B81" s="53" t="s">
        <v>22</v>
      </c>
      <c r="C81" s="34">
        <v>42476</v>
      </c>
      <c r="D81" s="34">
        <v>18</v>
      </c>
      <c r="E81" s="34">
        <v>0</v>
      </c>
      <c r="F81" s="34">
        <v>3</v>
      </c>
      <c r="G81" s="34">
        <v>56071</v>
      </c>
      <c r="H81" s="34">
        <v>3</v>
      </c>
      <c r="I81" s="34">
        <v>42476</v>
      </c>
      <c r="J81" s="36">
        <v>18</v>
      </c>
      <c r="K81" s="34">
        <v>17431</v>
      </c>
      <c r="L81" s="34">
        <v>12</v>
      </c>
      <c r="M81" s="34">
        <v>0</v>
      </c>
      <c r="N81" s="34">
        <v>6</v>
      </c>
      <c r="O81" s="34">
        <v>16935</v>
      </c>
      <c r="P81" s="34">
        <v>24</v>
      </c>
      <c r="Q81" s="34">
        <v>17431</v>
      </c>
      <c r="R81" s="36">
        <v>12</v>
      </c>
      <c r="S81" s="38">
        <v>26</v>
      </c>
      <c r="T81" s="34" t="s">
        <v>22</v>
      </c>
      <c r="U81" s="34">
        <v>7797</v>
      </c>
      <c r="V81" s="34">
        <v>26</v>
      </c>
      <c r="W81" s="34">
        <v>0</v>
      </c>
      <c r="X81" s="34">
        <v>4</v>
      </c>
      <c r="Y81" s="34">
        <v>7597</v>
      </c>
      <c r="Z81" s="34">
        <v>29</v>
      </c>
      <c r="AA81" s="34">
        <v>7797</v>
      </c>
      <c r="AB81" s="36">
        <v>26</v>
      </c>
      <c r="AC81" s="34">
        <v>19882</v>
      </c>
      <c r="AD81" s="34">
        <v>12</v>
      </c>
      <c r="AE81" s="34">
        <v>0</v>
      </c>
      <c r="AF81" s="34">
        <v>6</v>
      </c>
      <c r="AG81" s="34">
        <v>19934</v>
      </c>
      <c r="AH81" s="33">
        <v>24</v>
      </c>
      <c r="AI81" s="34">
        <v>19882</v>
      </c>
      <c r="AJ81" s="54">
        <v>12</v>
      </c>
    </row>
    <row r="82" spans="1:36" ht="14.1" customHeight="1" x14ac:dyDescent="0.15">
      <c r="A82" s="38">
        <v>27</v>
      </c>
      <c r="B82" s="53" t="s">
        <v>21</v>
      </c>
      <c r="C82" s="34">
        <v>30735</v>
      </c>
      <c r="D82" s="34">
        <v>32</v>
      </c>
      <c r="E82" s="34">
        <v>0</v>
      </c>
      <c r="F82" s="34">
        <v>3</v>
      </c>
      <c r="G82" s="34">
        <v>32721</v>
      </c>
      <c r="H82" s="34">
        <v>33</v>
      </c>
      <c r="I82" s="34">
        <v>30735</v>
      </c>
      <c r="J82" s="36">
        <v>32</v>
      </c>
      <c r="K82" s="34">
        <v>17504</v>
      </c>
      <c r="L82" s="34">
        <v>9</v>
      </c>
      <c r="M82" s="34">
        <v>0</v>
      </c>
      <c r="N82" s="34">
        <v>6</v>
      </c>
      <c r="O82" s="34">
        <v>17565</v>
      </c>
      <c r="P82" s="34">
        <v>12</v>
      </c>
      <c r="Q82" s="34">
        <v>17504</v>
      </c>
      <c r="R82" s="36">
        <v>9</v>
      </c>
      <c r="S82" s="38">
        <v>27</v>
      </c>
      <c r="T82" s="34" t="s">
        <v>21</v>
      </c>
      <c r="U82" s="34">
        <v>7416</v>
      </c>
      <c r="V82" s="34">
        <v>32</v>
      </c>
      <c r="W82" s="34">
        <v>0</v>
      </c>
      <c r="X82" s="34">
        <v>4</v>
      </c>
      <c r="Y82" s="34">
        <v>7328</v>
      </c>
      <c r="Z82" s="34">
        <v>32</v>
      </c>
      <c r="AA82" s="34">
        <v>7416</v>
      </c>
      <c r="AB82" s="36">
        <v>32</v>
      </c>
      <c r="AC82" s="34">
        <v>18856</v>
      </c>
      <c r="AD82" s="34">
        <v>30</v>
      </c>
      <c r="AE82" s="34">
        <v>0</v>
      </c>
      <c r="AF82" s="34">
        <v>6</v>
      </c>
      <c r="AG82" s="34">
        <v>19205</v>
      </c>
      <c r="AH82" s="33">
        <v>33</v>
      </c>
      <c r="AI82" s="34">
        <v>18856</v>
      </c>
      <c r="AJ82" s="31">
        <v>30</v>
      </c>
    </row>
    <row r="83" spans="1:36" ht="14.1" customHeight="1" x14ac:dyDescent="0.15">
      <c r="A83" s="38">
        <v>28</v>
      </c>
      <c r="B83" s="53" t="s">
        <v>20</v>
      </c>
      <c r="C83" s="34">
        <v>41192</v>
      </c>
      <c r="D83" s="34">
        <v>24</v>
      </c>
      <c r="E83" s="34">
        <v>0</v>
      </c>
      <c r="F83" s="34">
        <v>3</v>
      </c>
      <c r="G83" s="34">
        <v>49989</v>
      </c>
      <c r="H83" s="34">
        <v>18</v>
      </c>
      <c r="I83" s="34">
        <v>41192</v>
      </c>
      <c r="J83" s="36">
        <v>24</v>
      </c>
      <c r="K83" s="34">
        <v>17337</v>
      </c>
      <c r="L83" s="34">
        <v>13</v>
      </c>
      <c r="M83" s="34">
        <v>0</v>
      </c>
      <c r="N83" s="34">
        <v>6</v>
      </c>
      <c r="O83" s="34">
        <v>17200</v>
      </c>
      <c r="P83" s="34">
        <v>19</v>
      </c>
      <c r="Q83" s="34">
        <v>17337</v>
      </c>
      <c r="R83" s="36">
        <v>13</v>
      </c>
      <c r="S83" s="38">
        <v>28</v>
      </c>
      <c r="T83" s="34" t="s">
        <v>20</v>
      </c>
      <c r="U83" s="34">
        <v>8152</v>
      </c>
      <c r="V83" s="34">
        <v>4</v>
      </c>
      <c r="W83" s="34">
        <v>0</v>
      </c>
      <c r="X83" s="34">
        <v>4</v>
      </c>
      <c r="Y83" s="34">
        <v>8292</v>
      </c>
      <c r="Z83" s="34">
        <v>2</v>
      </c>
      <c r="AA83" s="34">
        <v>8152</v>
      </c>
      <c r="AB83" s="36">
        <v>4</v>
      </c>
      <c r="AC83" s="34">
        <v>20210</v>
      </c>
      <c r="AD83" s="34">
        <v>10</v>
      </c>
      <c r="AE83" s="34">
        <v>0</v>
      </c>
      <c r="AF83" s="34">
        <v>6</v>
      </c>
      <c r="AG83" s="34">
        <v>20692</v>
      </c>
      <c r="AH83" s="33">
        <v>12</v>
      </c>
      <c r="AI83" s="34">
        <v>20210</v>
      </c>
      <c r="AJ83" s="31">
        <v>10</v>
      </c>
    </row>
    <row r="84" spans="1:36" ht="14.1" customHeight="1" x14ac:dyDescent="0.15">
      <c r="A84" s="38">
        <v>29</v>
      </c>
      <c r="B84" s="53" t="s">
        <v>19</v>
      </c>
      <c r="C84" s="34">
        <v>39777</v>
      </c>
      <c r="D84" s="34">
        <v>29</v>
      </c>
      <c r="E84" s="34">
        <v>0</v>
      </c>
      <c r="F84" s="34">
        <v>3</v>
      </c>
      <c r="G84" s="34">
        <v>44062</v>
      </c>
      <c r="H84" s="34">
        <v>31</v>
      </c>
      <c r="I84" s="34">
        <v>39777</v>
      </c>
      <c r="J84" s="36">
        <v>29</v>
      </c>
      <c r="K84" s="34">
        <v>16842</v>
      </c>
      <c r="L84" s="34">
        <v>19</v>
      </c>
      <c r="M84" s="34">
        <v>0</v>
      </c>
      <c r="N84" s="34">
        <v>6</v>
      </c>
      <c r="O84" s="34">
        <v>17210</v>
      </c>
      <c r="P84" s="34">
        <v>18</v>
      </c>
      <c r="Q84" s="34">
        <v>16842</v>
      </c>
      <c r="R84" s="36">
        <v>19</v>
      </c>
      <c r="S84" s="38">
        <v>29</v>
      </c>
      <c r="T84" s="34" t="s">
        <v>19</v>
      </c>
      <c r="U84" s="34">
        <v>7931</v>
      </c>
      <c r="V84" s="34">
        <v>20</v>
      </c>
      <c r="W84" s="34">
        <v>0</v>
      </c>
      <c r="X84" s="34">
        <v>4</v>
      </c>
      <c r="Y84" s="34">
        <v>7846</v>
      </c>
      <c r="Z84" s="34">
        <v>21</v>
      </c>
      <c r="AA84" s="34">
        <v>7931</v>
      </c>
      <c r="AB84" s="36">
        <v>20</v>
      </c>
      <c r="AC84" s="34">
        <v>20850</v>
      </c>
      <c r="AD84" s="34">
        <v>5</v>
      </c>
      <c r="AE84" s="34">
        <v>0</v>
      </c>
      <c r="AF84" s="34">
        <v>6</v>
      </c>
      <c r="AG84" s="34">
        <v>21685</v>
      </c>
      <c r="AH84" s="33">
        <v>5</v>
      </c>
      <c r="AI84" s="34">
        <v>20850</v>
      </c>
      <c r="AJ84" s="31">
        <v>5</v>
      </c>
    </row>
    <row r="85" spans="1:36" ht="14.1" customHeight="1" x14ac:dyDescent="0.15">
      <c r="A85" s="38">
        <v>30</v>
      </c>
      <c r="B85" s="53" t="s">
        <v>18</v>
      </c>
      <c r="C85" s="34">
        <v>42141</v>
      </c>
      <c r="D85" s="34">
        <v>20</v>
      </c>
      <c r="E85" s="34">
        <v>0</v>
      </c>
      <c r="F85" s="34">
        <v>3</v>
      </c>
      <c r="G85" s="34">
        <v>54302</v>
      </c>
      <c r="H85" s="34">
        <v>7</v>
      </c>
      <c r="I85" s="34">
        <v>42141</v>
      </c>
      <c r="J85" s="36">
        <v>20</v>
      </c>
      <c r="K85" s="34">
        <v>20156</v>
      </c>
      <c r="L85" s="34">
        <v>1</v>
      </c>
      <c r="M85" s="34">
        <v>0</v>
      </c>
      <c r="N85" s="34">
        <v>6</v>
      </c>
      <c r="O85" s="34">
        <v>21564</v>
      </c>
      <c r="P85" s="34">
        <v>1</v>
      </c>
      <c r="Q85" s="34">
        <v>20156</v>
      </c>
      <c r="R85" s="36">
        <v>1</v>
      </c>
      <c r="S85" s="38">
        <v>30</v>
      </c>
      <c r="T85" s="34" t="s">
        <v>18</v>
      </c>
      <c r="U85" s="34">
        <v>8075</v>
      </c>
      <c r="V85" s="34">
        <v>7</v>
      </c>
      <c r="W85" s="34">
        <v>0</v>
      </c>
      <c r="X85" s="34">
        <v>4</v>
      </c>
      <c r="Y85" s="34">
        <v>7950</v>
      </c>
      <c r="Z85" s="34">
        <v>12</v>
      </c>
      <c r="AA85" s="34">
        <v>8075</v>
      </c>
      <c r="AB85" s="36">
        <v>7</v>
      </c>
      <c r="AC85" s="34">
        <v>23166</v>
      </c>
      <c r="AD85" s="34">
        <v>1</v>
      </c>
      <c r="AE85" s="34">
        <v>0</v>
      </c>
      <c r="AF85" s="34">
        <v>6</v>
      </c>
      <c r="AG85" s="34">
        <v>25347</v>
      </c>
      <c r="AH85" s="33">
        <v>1</v>
      </c>
      <c r="AI85" s="34">
        <v>23166</v>
      </c>
      <c r="AJ85" s="31">
        <v>1</v>
      </c>
    </row>
    <row r="86" spans="1:36" ht="14.1" customHeight="1" x14ac:dyDescent="0.15">
      <c r="A86" s="38">
        <v>31</v>
      </c>
      <c r="B86" s="53" t="s">
        <v>17</v>
      </c>
      <c r="C86" s="34">
        <v>41774</v>
      </c>
      <c r="D86" s="34">
        <v>21</v>
      </c>
      <c r="E86" s="34">
        <v>0</v>
      </c>
      <c r="F86" s="34">
        <v>3</v>
      </c>
      <c r="G86" s="34">
        <v>48510</v>
      </c>
      <c r="H86" s="34">
        <v>23</v>
      </c>
      <c r="I86" s="34">
        <v>41774</v>
      </c>
      <c r="J86" s="36">
        <v>21</v>
      </c>
      <c r="K86" s="34">
        <v>18740</v>
      </c>
      <c r="L86" s="34">
        <v>3</v>
      </c>
      <c r="M86" s="34">
        <v>0</v>
      </c>
      <c r="N86" s="34">
        <v>6</v>
      </c>
      <c r="O86" s="34">
        <v>19613</v>
      </c>
      <c r="P86" s="34">
        <v>2</v>
      </c>
      <c r="Q86" s="34">
        <v>18740</v>
      </c>
      <c r="R86" s="36">
        <v>3</v>
      </c>
      <c r="S86" s="38">
        <v>31</v>
      </c>
      <c r="T86" s="34" t="s">
        <v>17</v>
      </c>
      <c r="U86" s="34">
        <v>8084</v>
      </c>
      <c r="V86" s="34">
        <v>6</v>
      </c>
      <c r="W86" s="34">
        <v>0</v>
      </c>
      <c r="X86" s="34">
        <v>4</v>
      </c>
      <c r="Y86" s="34">
        <v>8118</v>
      </c>
      <c r="Z86" s="34">
        <v>5</v>
      </c>
      <c r="AA86" s="34">
        <v>8084</v>
      </c>
      <c r="AB86" s="36">
        <v>6</v>
      </c>
      <c r="AC86" s="34">
        <v>21447</v>
      </c>
      <c r="AD86" s="34">
        <v>3</v>
      </c>
      <c r="AE86" s="34">
        <v>0</v>
      </c>
      <c r="AF86" s="34">
        <v>6</v>
      </c>
      <c r="AG86" s="34">
        <v>23108</v>
      </c>
      <c r="AH86" s="33">
        <v>2</v>
      </c>
      <c r="AI86" s="34">
        <v>21447</v>
      </c>
      <c r="AJ86" s="31">
        <v>3</v>
      </c>
    </row>
    <row r="87" spans="1:36" ht="14.1" customHeight="1" x14ac:dyDescent="0.15">
      <c r="A87" s="38">
        <v>32</v>
      </c>
      <c r="B87" s="53" t="s">
        <v>16</v>
      </c>
      <c r="C87" s="34">
        <v>42682</v>
      </c>
      <c r="D87" s="34">
        <v>17</v>
      </c>
      <c r="E87" s="34">
        <v>0</v>
      </c>
      <c r="F87" s="34">
        <v>3</v>
      </c>
      <c r="G87" s="34">
        <v>51530</v>
      </c>
      <c r="H87" s="34">
        <v>13</v>
      </c>
      <c r="I87" s="34">
        <v>42682</v>
      </c>
      <c r="J87" s="36">
        <v>17</v>
      </c>
      <c r="K87" s="34">
        <v>18281</v>
      </c>
      <c r="L87" s="34">
        <v>4</v>
      </c>
      <c r="M87" s="34">
        <v>0</v>
      </c>
      <c r="N87" s="34">
        <v>6</v>
      </c>
      <c r="O87" s="34">
        <v>19263</v>
      </c>
      <c r="P87" s="34">
        <v>3</v>
      </c>
      <c r="Q87" s="34">
        <v>18281</v>
      </c>
      <c r="R87" s="36">
        <v>4</v>
      </c>
      <c r="S87" s="38">
        <v>32</v>
      </c>
      <c r="T87" s="34" t="s">
        <v>16</v>
      </c>
      <c r="U87" s="34">
        <v>7912</v>
      </c>
      <c r="V87" s="34">
        <v>21</v>
      </c>
      <c r="W87" s="34">
        <v>0</v>
      </c>
      <c r="X87" s="34">
        <v>4</v>
      </c>
      <c r="Y87" s="34">
        <v>7983</v>
      </c>
      <c r="Z87" s="34">
        <v>8</v>
      </c>
      <c r="AA87" s="34">
        <v>7912</v>
      </c>
      <c r="AB87" s="36">
        <v>21</v>
      </c>
      <c r="AC87" s="34">
        <v>21487</v>
      </c>
      <c r="AD87" s="34">
        <v>2</v>
      </c>
      <c r="AE87" s="34">
        <v>0</v>
      </c>
      <c r="AF87" s="34">
        <v>6</v>
      </c>
      <c r="AG87" s="34">
        <v>22925</v>
      </c>
      <c r="AH87" s="33">
        <v>3</v>
      </c>
      <c r="AI87" s="34">
        <v>21487</v>
      </c>
      <c r="AJ87" s="31">
        <v>2</v>
      </c>
    </row>
    <row r="88" spans="1:36" ht="14.1" customHeight="1" thickBot="1" x14ac:dyDescent="0.2">
      <c r="A88" s="51">
        <v>33</v>
      </c>
      <c r="B88" s="52" t="s">
        <v>15</v>
      </c>
      <c r="C88" s="24">
        <v>29999</v>
      </c>
      <c r="D88" s="24">
        <v>33</v>
      </c>
      <c r="E88" s="24">
        <v>0</v>
      </c>
      <c r="F88" s="24">
        <v>3</v>
      </c>
      <c r="G88" s="24">
        <v>34906</v>
      </c>
      <c r="H88" s="24">
        <v>32</v>
      </c>
      <c r="I88" s="24">
        <v>29999</v>
      </c>
      <c r="J88" s="26">
        <v>33</v>
      </c>
      <c r="K88" s="24">
        <v>17439</v>
      </c>
      <c r="L88" s="24">
        <v>11</v>
      </c>
      <c r="M88" s="73">
        <v>0</v>
      </c>
      <c r="N88" s="24">
        <v>6</v>
      </c>
      <c r="O88" s="24">
        <v>17122</v>
      </c>
      <c r="P88" s="24">
        <v>20</v>
      </c>
      <c r="Q88" s="24">
        <v>17439</v>
      </c>
      <c r="R88" s="26">
        <v>11</v>
      </c>
      <c r="S88" s="51">
        <v>33</v>
      </c>
      <c r="T88" s="24" t="s">
        <v>15</v>
      </c>
      <c r="U88" s="24">
        <v>7942</v>
      </c>
      <c r="V88" s="24">
        <v>18</v>
      </c>
      <c r="W88" s="24">
        <v>0</v>
      </c>
      <c r="X88" s="24">
        <v>4</v>
      </c>
      <c r="Y88" s="24">
        <v>7734</v>
      </c>
      <c r="Z88" s="24">
        <v>25</v>
      </c>
      <c r="AA88" s="73">
        <v>7942</v>
      </c>
      <c r="AB88" s="26">
        <v>18</v>
      </c>
      <c r="AC88" s="24">
        <v>19621</v>
      </c>
      <c r="AD88" s="24">
        <v>14</v>
      </c>
      <c r="AE88" s="24">
        <v>0</v>
      </c>
      <c r="AF88" s="24">
        <v>6</v>
      </c>
      <c r="AG88" s="24">
        <v>19535</v>
      </c>
      <c r="AH88" s="23">
        <v>30</v>
      </c>
      <c r="AI88" s="73">
        <v>19621</v>
      </c>
      <c r="AJ88" s="21">
        <v>14</v>
      </c>
    </row>
    <row r="89" spans="1:36" ht="14.1" customHeight="1" thickTop="1" x14ac:dyDescent="0.15">
      <c r="A89" s="48">
        <v>301</v>
      </c>
      <c r="B89" s="40" t="s">
        <v>88</v>
      </c>
      <c r="C89" s="44">
        <v>75805</v>
      </c>
      <c r="D89" s="44">
        <v>1</v>
      </c>
      <c r="E89" s="49" t="s">
        <v>79</v>
      </c>
      <c r="F89" s="49" t="s">
        <v>79</v>
      </c>
      <c r="G89" s="44">
        <v>85177</v>
      </c>
      <c r="H89" s="44">
        <v>1</v>
      </c>
      <c r="I89" s="44">
        <v>75805</v>
      </c>
      <c r="J89" s="47">
        <v>1</v>
      </c>
      <c r="K89" s="44">
        <v>17049</v>
      </c>
      <c r="L89" s="44">
        <v>1</v>
      </c>
      <c r="M89" s="46" t="s">
        <v>79</v>
      </c>
      <c r="N89" s="45" t="s">
        <v>79</v>
      </c>
      <c r="O89" s="44">
        <v>20677</v>
      </c>
      <c r="P89" s="44">
        <v>2</v>
      </c>
      <c r="Q89" s="44">
        <v>17049</v>
      </c>
      <c r="R89" s="47">
        <v>1</v>
      </c>
      <c r="S89" s="48">
        <v>301</v>
      </c>
      <c r="T89" s="37" t="s">
        <v>88</v>
      </c>
      <c r="U89" s="44">
        <v>8015</v>
      </c>
      <c r="V89" s="44">
        <v>5</v>
      </c>
      <c r="W89" s="45" t="s">
        <v>79</v>
      </c>
      <c r="X89" s="45" t="s">
        <v>79</v>
      </c>
      <c r="Y89" s="44">
        <v>7635</v>
      </c>
      <c r="Z89" s="44">
        <v>4</v>
      </c>
      <c r="AA89" s="74">
        <v>8015</v>
      </c>
      <c r="AB89" s="47">
        <v>5</v>
      </c>
      <c r="AC89" s="44">
        <v>18521</v>
      </c>
      <c r="AD89" s="44">
        <v>1</v>
      </c>
      <c r="AE89" s="45" t="s">
        <v>79</v>
      </c>
      <c r="AF89" s="45" t="s">
        <v>79</v>
      </c>
      <c r="AG89" s="44">
        <v>24685</v>
      </c>
      <c r="AH89" s="42">
        <v>2</v>
      </c>
      <c r="AI89" s="74">
        <v>18521</v>
      </c>
      <c r="AJ89" s="31">
        <v>1</v>
      </c>
    </row>
    <row r="90" spans="1:36" ht="14.1" customHeight="1" x14ac:dyDescent="0.15">
      <c r="A90" s="38">
        <v>302</v>
      </c>
      <c r="B90" s="40" t="s">
        <v>87</v>
      </c>
      <c r="C90" s="34">
        <v>68112</v>
      </c>
      <c r="D90" s="34">
        <v>4</v>
      </c>
      <c r="E90" s="39" t="s">
        <v>79</v>
      </c>
      <c r="F90" s="39" t="s">
        <v>79</v>
      </c>
      <c r="G90" s="34">
        <v>72601</v>
      </c>
      <c r="H90" s="34">
        <v>2</v>
      </c>
      <c r="I90" s="34">
        <v>68112</v>
      </c>
      <c r="J90" s="36">
        <v>4</v>
      </c>
      <c r="K90" s="34">
        <v>14734</v>
      </c>
      <c r="L90" s="34">
        <v>4</v>
      </c>
      <c r="M90" s="35" t="s">
        <v>79</v>
      </c>
      <c r="N90" s="35" t="s">
        <v>79</v>
      </c>
      <c r="O90" s="34">
        <v>21721</v>
      </c>
      <c r="P90" s="34">
        <v>1</v>
      </c>
      <c r="Q90" s="34">
        <v>14734</v>
      </c>
      <c r="R90" s="36">
        <v>4</v>
      </c>
      <c r="S90" s="38">
        <v>302</v>
      </c>
      <c r="T90" s="37" t="s">
        <v>87</v>
      </c>
      <c r="U90" s="34">
        <v>8801</v>
      </c>
      <c r="V90" s="34">
        <v>1</v>
      </c>
      <c r="W90" s="35" t="s">
        <v>79</v>
      </c>
      <c r="X90" s="35" t="s">
        <v>79</v>
      </c>
      <c r="Y90" s="34">
        <v>9093</v>
      </c>
      <c r="Z90" s="34">
        <v>1</v>
      </c>
      <c r="AA90" s="34">
        <v>8801</v>
      </c>
      <c r="AB90" s="36">
        <v>1</v>
      </c>
      <c r="AC90" s="34">
        <v>17770</v>
      </c>
      <c r="AD90" s="34">
        <v>2</v>
      </c>
      <c r="AE90" s="35" t="s">
        <v>79</v>
      </c>
      <c r="AF90" s="35" t="s">
        <v>79</v>
      </c>
      <c r="AG90" s="34">
        <v>26536</v>
      </c>
      <c r="AH90" s="33">
        <v>1</v>
      </c>
      <c r="AI90" s="34">
        <v>17770</v>
      </c>
      <c r="AJ90" s="31">
        <v>2</v>
      </c>
    </row>
    <row r="91" spans="1:36" ht="14.1" customHeight="1" x14ac:dyDescent="0.15">
      <c r="A91" s="38">
        <v>303</v>
      </c>
      <c r="B91" s="40" t="s">
        <v>86</v>
      </c>
      <c r="C91" s="34">
        <v>69105</v>
      </c>
      <c r="D91" s="34">
        <v>2</v>
      </c>
      <c r="E91" s="39" t="s">
        <v>79</v>
      </c>
      <c r="F91" s="39" t="s">
        <v>79</v>
      </c>
      <c r="G91" s="34">
        <v>68755</v>
      </c>
      <c r="H91" s="34">
        <v>3</v>
      </c>
      <c r="I91" s="34">
        <v>69105</v>
      </c>
      <c r="J91" s="36">
        <v>2</v>
      </c>
      <c r="K91" s="34">
        <v>14996</v>
      </c>
      <c r="L91" s="34">
        <v>2</v>
      </c>
      <c r="M91" s="35" t="s">
        <v>79</v>
      </c>
      <c r="N91" s="35" t="s">
        <v>79</v>
      </c>
      <c r="O91" s="34">
        <v>16890</v>
      </c>
      <c r="P91" s="34">
        <v>5</v>
      </c>
      <c r="Q91" s="34">
        <v>14996</v>
      </c>
      <c r="R91" s="36">
        <v>2</v>
      </c>
      <c r="S91" s="38">
        <v>303</v>
      </c>
      <c r="T91" s="37" t="s">
        <v>86</v>
      </c>
      <c r="U91" s="34">
        <v>8031</v>
      </c>
      <c r="V91" s="34">
        <v>4</v>
      </c>
      <c r="W91" s="35" t="s">
        <v>79</v>
      </c>
      <c r="X91" s="35" t="s">
        <v>79</v>
      </c>
      <c r="Y91" s="34">
        <v>7652</v>
      </c>
      <c r="Z91" s="34">
        <v>3</v>
      </c>
      <c r="AA91" s="34">
        <v>8031</v>
      </c>
      <c r="AB91" s="36">
        <v>4</v>
      </c>
      <c r="AC91" s="34">
        <v>17277</v>
      </c>
      <c r="AD91" s="34">
        <v>4</v>
      </c>
      <c r="AE91" s="35" t="s">
        <v>79</v>
      </c>
      <c r="AF91" s="35" t="s">
        <v>79</v>
      </c>
      <c r="AG91" s="34">
        <v>20138</v>
      </c>
      <c r="AH91" s="33">
        <v>5</v>
      </c>
      <c r="AI91" s="34">
        <v>17277</v>
      </c>
      <c r="AJ91" s="31">
        <v>4</v>
      </c>
    </row>
    <row r="92" spans="1:36" ht="14.1" customHeight="1" x14ac:dyDescent="0.15">
      <c r="A92" s="38">
        <v>304</v>
      </c>
      <c r="B92" s="40" t="s">
        <v>9</v>
      </c>
      <c r="C92" s="34">
        <v>49021</v>
      </c>
      <c r="D92" s="34">
        <v>6</v>
      </c>
      <c r="E92" s="39" t="s">
        <v>79</v>
      </c>
      <c r="F92" s="39" t="s">
        <v>79</v>
      </c>
      <c r="G92" s="34">
        <v>49026</v>
      </c>
      <c r="H92" s="34">
        <v>6</v>
      </c>
      <c r="I92" s="34">
        <v>49021</v>
      </c>
      <c r="J92" s="36">
        <v>6</v>
      </c>
      <c r="K92" s="34">
        <v>12981</v>
      </c>
      <c r="L92" s="34">
        <v>6</v>
      </c>
      <c r="M92" s="35" t="s">
        <v>79</v>
      </c>
      <c r="N92" s="35" t="s">
        <v>79</v>
      </c>
      <c r="O92" s="34">
        <v>15456</v>
      </c>
      <c r="P92" s="34">
        <v>6</v>
      </c>
      <c r="Q92" s="34">
        <v>12981</v>
      </c>
      <c r="R92" s="36">
        <v>6</v>
      </c>
      <c r="S92" s="38">
        <v>304</v>
      </c>
      <c r="T92" s="37" t="s">
        <v>85</v>
      </c>
      <c r="U92" s="34">
        <v>7946</v>
      </c>
      <c r="V92" s="34">
        <v>6</v>
      </c>
      <c r="W92" s="35" t="s">
        <v>79</v>
      </c>
      <c r="X92" s="35" t="s">
        <v>79</v>
      </c>
      <c r="Y92" s="34">
        <v>7509</v>
      </c>
      <c r="Z92" s="34">
        <v>6</v>
      </c>
      <c r="AA92" s="34">
        <v>7946</v>
      </c>
      <c r="AB92" s="36">
        <v>6</v>
      </c>
      <c r="AC92" s="34">
        <v>14144</v>
      </c>
      <c r="AD92" s="34">
        <v>6</v>
      </c>
      <c r="AE92" s="35" t="s">
        <v>79</v>
      </c>
      <c r="AF92" s="35" t="s">
        <v>79</v>
      </c>
      <c r="AG92" s="34">
        <v>17832</v>
      </c>
      <c r="AH92" s="33">
        <v>6</v>
      </c>
      <c r="AI92" s="34">
        <v>14144</v>
      </c>
      <c r="AJ92" s="31">
        <v>6</v>
      </c>
    </row>
    <row r="93" spans="1:36" ht="14.1" customHeight="1" x14ac:dyDescent="0.15">
      <c r="A93" s="38">
        <v>305</v>
      </c>
      <c r="B93" s="40" t="s">
        <v>8</v>
      </c>
      <c r="C93" s="34">
        <v>65550</v>
      </c>
      <c r="D93" s="34">
        <v>5</v>
      </c>
      <c r="E93" s="39" t="s">
        <v>79</v>
      </c>
      <c r="F93" s="39" t="s">
        <v>79</v>
      </c>
      <c r="G93" s="34">
        <v>65466</v>
      </c>
      <c r="H93" s="34">
        <v>4</v>
      </c>
      <c r="I93" s="34">
        <v>65550</v>
      </c>
      <c r="J93" s="36">
        <v>5</v>
      </c>
      <c r="K93" s="34">
        <v>14445</v>
      </c>
      <c r="L93" s="34">
        <v>5</v>
      </c>
      <c r="M93" s="35" t="s">
        <v>79</v>
      </c>
      <c r="N93" s="35" t="s">
        <v>79</v>
      </c>
      <c r="O93" s="34">
        <v>17502</v>
      </c>
      <c r="P93" s="34">
        <v>4</v>
      </c>
      <c r="Q93" s="34">
        <v>14445</v>
      </c>
      <c r="R93" s="36">
        <v>5</v>
      </c>
      <c r="S93" s="38">
        <v>305</v>
      </c>
      <c r="T93" s="37" t="s">
        <v>84</v>
      </c>
      <c r="U93" s="34">
        <v>8229</v>
      </c>
      <c r="V93" s="34">
        <v>2</v>
      </c>
      <c r="W93" s="35" t="s">
        <v>79</v>
      </c>
      <c r="X93" s="35" t="s">
        <v>79</v>
      </c>
      <c r="Y93" s="34">
        <v>7516</v>
      </c>
      <c r="Z93" s="34">
        <v>5</v>
      </c>
      <c r="AA93" s="34">
        <v>8229</v>
      </c>
      <c r="AB93" s="36">
        <v>2</v>
      </c>
      <c r="AC93" s="34">
        <v>16883</v>
      </c>
      <c r="AD93" s="34">
        <v>5</v>
      </c>
      <c r="AE93" s="35" t="s">
        <v>79</v>
      </c>
      <c r="AF93" s="35" t="s">
        <v>79</v>
      </c>
      <c r="AG93" s="34">
        <v>21169</v>
      </c>
      <c r="AH93" s="33">
        <v>4</v>
      </c>
      <c r="AI93" s="34">
        <v>16883</v>
      </c>
      <c r="AJ93" s="31">
        <v>5</v>
      </c>
    </row>
    <row r="94" spans="1:36" ht="14.1" customHeight="1" thickBot="1" x14ac:dyDescent="0.2">
      <c r="A94" s="28">
        <v>306</v>
      </c>
      <c r="B94" s="30" t="s">
        <v>7</v>
      </c>
      <c r="C94" s="24">
        <v>68274</v>
      </c>
      <c r="D94" s="24">
        <v>3</v>
      </c>
      <c r="E94" s="29" t="s">
        <v>79</v>
      </c>
      <c r="F94" s="29" t="s">
        <v>79</v>
      </c>
      <c r="G94" s="24">
        <v>65148</v>
      </c>
      <c r="H94" s="24">
        <v>5</v>
      </c>
      <c r="I94" s="73">
        <v>68274</v>
      </c>
      <c r="J94" s="26">
        <v>3</v>
      </c>
      <c r="K94" s="24">
        <v>14826</v>
      </c>
      <c r="L94" s="24">
        <v>3</v>
      </c>
      <c r="M94" s="25" t="s">
        <v>79</v>
      </c>
      <c r="N94" s="25" t="s">
        <v>79</v>
      </c>
      <c r="O94" s="24">
        <v>17826</v>
      </c>
      <c r="P94" s="24">
        <v>3</v>
      </c>
      <c r="Q94" s="73">
        <v>14826</v>
      </c>
      <c r="R94" s="26">
        <v>3</v>
      </c>
      <c r="S94" s="28">
        <v>306</v>
      </c>
      <c r="T94" s="27" t="s">
        <v>83</v>
      </c>
      <c r="U94" s="24">
        <v>8110</v>
      </c>
      <c r="V94" s="24">
        <v>3</v>
      </c>
      <c r="W94" s="25" t="s">
        <v>79</v>
      </c>
      <c r="X94" s="25" t="s">
        <v>79</v>
      </c>
      <c r="Y94" s="24">
        <v>8134</v>
      </c>
      <c r="Z94" s="24">
        <v>2</v>
      </c>
      <c r="AA94" s="24">
        <v>8110</v>
      </c>
      <c r="AB94" s="26">
        <v>3</v>
      </c>
      <c r="AC94" s="24">
        <v>17434</v>
      </c>
      <c r="AD94" s="24">
        <v>3</v>
      </c>
      <c r="AE94" s="25" t="s">
        <v>79</v>
      </c>
      <c r="AF94" s="25" t="s">
        <v>79</v>
      </c>
      <c r="AG94" s="24">
        <v>21969</v>
      </c>
      <c r="AH94" s="23">
        <v>3</v>
      </c>
      <c r="AI94" s="73">
        <v>17434</v>
      </c>
      <c r="AJ94" s="21">
        <v>3</v>
      </c>
    </row>
    <row r="95" spans="1:36" ht="14.1" customHeight="1" thickTop="1" thickBot="1" x14ac:dyDescent="0.2">
      <c r="A95" s="354" t="s">
        <v>82</v>
      </c>
      <c r="B95" s="355"/>
      <c r="C95" s="24">
        <v>45231</v>
      </c>
      <c r="D95" s="17" t="s">
        <v>79</v>
      </c>
      <c r="E95" s="72">
        <v>33066</v>
      </c>
      <c r="F95" s="17" t="s">
        <v>79</v>
      </c>
      <c r="G95" s="24">
        <v>52674</v>
      </c>
      <c r="H95" s="17" t="s">
        <v>79</v>
      </c>
      <c r="I95" s="69">
        <v>45230</v>
      </c>
      <c r="J95" s="18" t="s">
        <v>79</v>
      </c>
      <c r="K95" s="24">
        <v>16436</v>
      </c>
      <c r="L95" s="15" t="s">
        <v>79</v>
      </c>
      <c r="M95" s="72">
        <v>-6342</v>
      </c>
      <c r="N95" s="15" t="s">
        <v>79</v>
      </c>
      <c r="O95" s="24">
        <v>16771</v>
      </c>
      <c r="P95" s="15" t="s">
        <v>79</v>
      </c>
      <c r="Q95" s="70">
        <v>16436</v>
      </c>
      <c r="R95" s="13" t="s">
        <v>79</v>
      </c>
      <c r="S95" s="354" t="s">
        <v>82</v>
      </c>
      <c r="T95" s="355"/>
      <c r="U95" s="24">
        <v>8004</v>
      </c>
      <c r="V95" s="15" t="s">
        <v>79</v>
      </c>
      <c r="W95" s="72">
        <v>2313</v>
      </c>
      <c r="X95" s="15" t="s">
        <v>79</v>
      </c>
      <c r="Y95" s="24">
        <v>7913</v>
      </c>
      <c r="Z95" s="15" t="s">
        <v>79</v>
      </c>
      <c r="AA95" s="72">
        <v>8004</v>
      </c>
      <c r="AB95" s="13" t="s">
        <v>79</v>
      </c>
      <c r="AC95" s="24">
        <v>19153</v>
      </c>
      <c r="AD95" s="15" t="s">
        <v>79</v>
      </c>
      <c r="AE95" s="72">
        <v>30063</v>
      </c>
      <c r="AF95" s="15" t="s">
        <v>79</v>
      </c>
      <c r="AG95" s="24">
        <v>20152</v>
      </c>
      <c r="AH95" s="15" t="s">
        <v>79</v>
      </c>
      <c r="AI95" s="70">
        <v>19153</v>
      </c>
      <c r="AJ95" s="13" t="s">
        <v>79</v>
      </c>
    </row>
    <row r="96" spans="1:36" ht="14.1" customHeight="1" thickTop="1" thickBot="1" x14ac:dyDescent="0.2">
      <c r="A96" s="357" t="s">
        <v>4</v>
      </c>
      <c r="B96" s="355"/>
      <c r="C96" s="24">
        <v>41764</v>
      </c>
      <c r="D96" s="17" t="s">
        <v>79</v>
      </c>
      <c r="E96" s="24">
        <v>0</v>
      </c>
      <c r="F96" s="17" t="s">
        <v>79</v>
      </c>
      <c r="G96" s="24">
        <v>49054</v>
      </c>
      <c r="H96" s="17" t="s">
        <v>79</v>
      </c>
      <c r="I96" s="69">
        <v>41764</v>
      </c>
      <c r="J96" s="18" t="s">
        <v>79</v>
      </c>
      <c r="K96" s="24">
        <v>17554</v>
      </c>
      <c r="L96" s="15" t="s">
        <v>79</v>
      </c>
      <c r="M96" s="24">
        <v>0</v>
      </c>
      <c r="N96" s="15" t="s">
        <v>79</v>
      </c>
      <c r="O96" s="24">
        <v>17961</v>
      </c>
      <c r="P96" s="15" t="s">
        <v>79</v>
      </c>
      <c r="Q96" s="71">
        <v>17554</v>
      </c>
      <c r="R96" s="13" t="s">
        <v>79</v>
      </c>
      <c r="S96" s="357" t="s">
        <v>4</v>
      </c>
      <c r="T96" s="355"/>
      <c r="U96" s="24">
        <v>7870</v>
      </c>
      <c r="V96" s="15" t="s">
        <v>79</v>
      </c>
      <c r="W96" s="24">
        <v>0</v>
      </c>
      <c r="X96" s="15" t="s">
        <v>79</v>
      </c>
      <c r="Y96" s="24">
        <v>7831</v>
      </c>
      <c r="Z96" s="15" t="s">
        <v>79</v>
      </c>
      <c r="AA96" s="71">
        <v>7870</v>
      </c>
      <c r="AB96" s="13" t="s">
        <v>79</v>
      </c>
      <c r="AC96" s="24">
        <v>20215</v>
      </c>
      <c r="AD96" s="15" t="s">
        <v>79</v>
      </c>
      <c r="AE96" s="24">
        <v>0</v>
      </c>
      <c r="AF96" s="15" t="s">
        <v>79</v>
      </c>
      <c r="AG96" s="24">
        <v>21186</v>
      </c>
      <c r="AH96" s="15" t="s">
        <v>79</v>
      </c>
      <c r="AI96" s="71">
        <v>20215</v>
      </c>
      <c r="AJ96" s="13" t="s">
        <v>79</v>
      </c>
    </row>
    <row r="97" spans="1:36" ht="14.1" customHeight="1" thickTop="1" thickBot="1" x14ac:dyDescent="0.2">
      <c r="A97" s="357" t="s">
        <v>3</v>
      </c>
      <c r="B97" s="355"/>
      <c r="C97" s="24">
        <v>45075</v>
      </c>
      <c r="D97" s="17" t="s">
        <v>79</v>
      </c>
      <c r="E97" s="24">
        <v>32984</v>
      </c>
      <c r="F97" s="17" t="s">
        <v>79</v>
      </c>
      <c r="G97" s="24">
        <v>52509</v>
      </c>
      <c r="H97" s="17" t="s">
        <v>79</v>
      </c>
      <c r="I97" s="70">
        <v>45074</v>
      </c>
      <c r="J97" s="18" t="s">
        <v>79</v>
      </c>
      <c r="K97" s="24">
        <v>16477</v>
      </c>
      <c r="L97" s="15" t="s">
        <v>79</v>
      </c>
      <c r="M97" s="24">
        <v>-6551</v>
      </c>
      <c r="N97" s="15" t="s">
        <v>79</v>
      </c>
      <c r="O97" s="24">
        <v>16817</v>
      </c>
      <c r="P97" s="15" t="s">
        <v>79</v>
      </c>
      <c r="Q97" s="70">
        <v>16477</v>
      </c>
      <c r="R97" s="13" t="s">
        <v>79</v>
      </c>
      <c r="S97" s="357" t="s">
        <v>3</v>
      </c>
      <c r="T97" s="355"/>
      <c r="U97" s="24">
        <v>8000</v>
      </c>
      <c r="V97" s="15" t="s">
        <v>79</v>
      </c>
      <c r="W97" s="24">
        <v>2313</v>
      </c>
      <c r="X97" s="15" t="s">
        <v>79</v>
      </c>
      <c r="Y97" s="24">
        <v>7910</v>
      </c>
      <c r="Z97" s="15" t="s">
        <v>79</v>
      </c>
      <c r="AA97" s="70">
        <v>8000</v>
      </c>
      <c r="AB97" s="13" t="s">
        <v>79</v>
      </c>
      <c r="AC97" s="24">
        <v>19192</v>
      </c>
      <c r="AD97" s="15" t="s">
        <v>79</v>
      </c>
      <c r="AE97" s="24">
        <v>29933</v>
      </c>
      <c r="AF97" s="15" t="s">
        <v>79</v>
      </c>
      <c r="AG97" s="24">
        <v>20193</v>
      </c>
      <c r="AH97" s="15" t="s">
        <v>79</v>
      </c>
      <c r="AI97" s="69">
        <v>19193</v>
      </c>
      <c r="AJ97" s="13" t="s">
        <v>79</v>
      </c>
    </row>
    <row r="98" spans="1:36" ht="14.1" customHeight="1" thickTop="1" thickBot="1" x14ac:dyDescent="0.2">
      <c r="A98" s="357" t="s">
        <v>81</v>
      </c>
      <c r="B98" s="355"/>
      <c r="C98" s="24">
        <v>68288</v>
      </c>
      <c r="D98" s="17" t="s">
        <v>79</v>
      </c>
      <c r="E98" s="17" t="s">
        <v>79</v>
      </c>
      <c r="F98" s="17" t="s">
        <v>79</v>
      </c>
      <c r="G98" s="24">
        <v>67493</v>
      </c>
      <c r="H98" s="17" t="s">
        <v>79</v>
      </c>
      <c r="I98" s="70">
        <v>68288</v>
      </c>
      <c r="J98" s="18" t="s">
        <v>79</v>
      </c>
      <c r="K98" s="24">
        <v>14946</v>
      </c>
      <c r="L98" s="15" t="s">
        <v>79</v>
      </c>
      <c r="M98" s="15" t="s">
        <v>79</v>
      </c>
      <c r="N98" s="15" t="s">
        <v>79</v>
      </c>
      <c r="O98" s="24">
        <v>18168</v>
      </c>
      <c r="P98" s="15" t="s">
        <v>79</v>
      </c>
      <c r="Q98" s="70">
        <v>14946</v>
      </c>
      <c r="R98" s="13" t="s">
        <v>79</v>
      </c>
      <c r="S98" s="357" t="s">
        <v>81</v>
      </c>
      <c r="T98" s="355"/>
      <c r="U98" s="24">
        <v>8126</v>
      </c>
      <c r="V98" s="15" t="s">
        <v>79</v>
      </c>
      <c r="W98" s="15" t="s">
        <v>79</v>
      </c>
      <c r="X98" s="15" t="s">
        <v>79</v>
      </c>
      <c r="Y98" s="24">
        <v>7940</v>
      </c>
      <c r="Z98" s="15" t="s">
        <v>79</v>
      </c>
      <c r="AA98" s="70">
        <v>8126</v>
      </c>
      <c r="AB98" s="13" t="s">
        <v>79</v>
      </c>
      <c r="AC98" s="24">
        <v>17414</v>
      </c>
      <c r="AD98" s="15" t="s">
        <v>79</v>
      </c>
      <c r="AE98" s="15" t="s">
        <v>79</v>
      </c>
      <c r="AF98" s="15" t="s">
        <v>79</v>
      </c>
      <c r="AG98" s="24">
        <v>22096</v>
      </c>
      <c r="AH98" s="15" t="s">
        <v>79</v>
      </c>
      <c r="AI98" s="69">
        <v>17414</v>
      </c>
      <c r="AJ98" s="13" t="s">
        <v>79</v>
      </c>
    </row>
    <row r="99" spans="1:36" ht="14.1" customHeight="1" thickTop="1" thickBot="1" x14ac:dyDescent="0.2">
      <c r="A99" s="360" t="s">
        <v>80</v>
      </c>
      <c r="B99" s="361"/>
      <c r="C99" s="68">
        <v>45588</v>
      </c>
      <c r="D99" s="10" t="s">
        <v>79</v>
      </c>
      <c r="E99" s="68">
        <v>32984</v>
      </c>
      <c r="F99" s="10" t="s">
        <v>79</v>
      </c>
      <c r="G99" s="68">
        <v>52730</v>
      </c>
      <c r="H99" s="10" t="s">
        <v>79</v>
      </c>
      <c r="I99" s="68">
        <v>45587</v>
      </c>
      <c r="J99" s="12" t="s">
        <v>79</v>
      </c>
      <c r="K99" s="68">
        <v>16405</v>
      </c>
      <c r="L99" s="8" t="s">
        <v>79</v>
      </c>
      <c r="M99" s="68">
        <v>-6551</v>
      </c>
      <c r="N99" s="8" t="s">
        <v>79</v>
      </c>
      <c r="O99" s="68">
        <v>16842</v>
      </c>
      <c r="P99" s="8" t="s">
        <v>79</v>
      </c>
      <c r="Q99" s="68">
        <v>16405</v>
      </c>
      <c r="R99" s="6" t="s">
        <v>79</v>
      </c>
      <c r="S99" s="360" t="s">
        <v>80</v>
      </c>
      <c r="T99" s="361"/>
      <c r="U99" s="68">
        <v>8006</v>
      </c>
      <c r="V99" s="8" t="s">
        <v>79</v>
      </c>
      <c r="W99" s="68">
        <v>2313</v>
      </c>
      <c r="X99" s="8" t="s">
        <v>79</v>
      </c>
      <c r="Y99" s="68">
        <v>7910</v>
      </c>
      <c r="Z99" s="8" t="s">
        <v>79</v>
      </c>
      <c r="AA99" s="68">
        <v>8006</v>
      </c>
      <c r="AB99" s="6" t="s">
        <v>79</v>
      </c>
      <c r="AC99" s="68">
        <v>19115</v>
      </c>
      <c r="AD99" s="8" t="s">
        <v>79</v>
      </c>
      <c r="AE99" s="68">
        <v>29933</v>
      </c>
      <c r="AF99" s="8" t="s">
        <v>79</v>
      </c>
      <c r="AG99" s="68">
        <v>20227</v>
      </c>
      <c r="AH99" s="8" t="s">
        <v>79</v>
      </c>
      <c r="AI99" s="68">
        <v>19115</v>
      </c>
      <c r="AJ99" s="6" t="s">
        <v>79</v>
      </c>
    </row>
    <row r="100" spans="1:36" ht="14.1" customHeight="1" x14ac:dyDescent="0.15">
      <c r="A100" s="363" t="s">
        <v>78</v>
      </c>
      <c r="B100" s="363"/>
      <c r="C100" s="363"/>
      <c r="D100" s="363"/>
      <c r="E100" s="363"/>
      <c r="F100" s="363"/>
      <c r="G100" s="363"/>
      <c r="H100" s="363"/>
      <c r="I100" s="363"/>
      <c r="J100" s="363"/>
      <c r="K100" s="363"/>
      <c r="L100" s="363"/>
      <c r="M100" s="363"/>
      <c r="N100" s="363"/>
      <c r="O100" s="363"/>
      <c r="P100" s="363"/>
      <c r="Q100" s="363"/>
      <c r="R100" s="363"/>
      <c r="S100" s="363" t="s">
        <v>78</v>
      </c>
      <c r="T100" s="363"/>
      <c r="U100" s="363"/>
      <c r="V100" s="363"/>
      <c r="W100" s="363"/>
      <c r="X100" s="363"/>
      <c r="Y100" s="363"/>
      <c r="Z100" s="363"/>
      <c r="AA100" s="363"/>
      <c r="AB100" s="363"/>
      <c r="AC100" s="363"/>
      <c r="AD100" s="363"/>
      <c r="AE100" s="363"/>
      <c r="AF100" s="363"/>
      <c r="AG100" s="363"/>
      <c r="AH100" s="363"/>
      <c r="AI100" s="363"/>
      <c r="AJ100" s="363"/>
    </row>
    <row r="101" spans="1:36" s="2" customFormat="1" ht="21" customHeight="1" x14ac:dyDescent="0.15">
      <c r="A101" s="62" t="s">
        <v>77</v>
      </c>
      <c r="C101" s="60"/>
      <c r="D101" s="60"/>
      <c r="E101" s="60"/>
      <c r="F101" s="60"/>
      <c r="G101" s="60"/>
      <c r="H101" s="60"/>
      <c r="I101" s="67"/>
      <c r="J101" s="60"/>
      <c r="K101" s="66"/>
      <c r="L101" s="60"/>
      <c r="M101" s="60"/>
      <c r="N101" s="60"/>
      <c r="O101" s="60"/>
      <c r="P101" s="60"/>
      <c r="Q101" s="60"/>
      <c r="R101" s="60"/>
      <c r="S101" s="62" t="s">
        <v>76</v>
      </c>
      <c r="T101" s="60"/>
      <c r="U101" s="60"/>
      <c r="V101" s="60"/>
      <c r="W101" s="60"/>
      <c r="X101" s="60"/>
      <c r="Y101" s="60"/>
      <c r="Z101" s="60"/>
      <c r="AA101" s="60"/>
      <c r="AB101" s="60"/>
      <c r="AC101" s="60"/>
      <c r="AD101" s="60"/>
      <c r="AE101" s="60"/>
      <c r="AF101" s="60"/>
      <c r="AG101" s="60"/>
      <c r="AH101" s="60"/>
      <c r="AI101" s="60"/>
      <c r="AJ101" s="60"/>
    </row>
    <row r="102" spans="1:36" s="2" customFormat="1" ht="7.5" customHeight="1" thickBot="1" x14ac:dyDescent="0.2">
      <c r="A102" s="61"/>
      <c r="C102" s="60"/>
      <c r="D102" s="60"/>
      <c r="E102" s="60"/>
      <c r="F102" s="60"/>
      <c r="G102" s="60"/>
      <c r="H102" s="60"/>
      <c r="I102" s="60"/>
      <c r="J102" s="60"/>
      <c r="K102" s="60"/>
      <c r="L102" s="60"/>
      <c r="M102" s="60"/>
      <c r="N102" s="60"/>
      <c r="O102" s="60"/>
      <c r="P102" s="60"/>
      <c r="Q102" s="60"/>
      <c r="R102" s="60"/>
      <c r="S102" s="60"/>
      <c r="T102" s="60"/>
      <c r="U102" s="60"/>
      <c r="V102" s="60"/>
      <c r="W102" s="60"/>
      <c r="X102" s="60"/>
      <c r="Y102" s="60"/>
      <c r="Z102" s="60"/>
      <c r="AA102" s="60"/>
      <c r="AB102" s="60"/>
      <c r="AC102" s="60"/>
      <c r="AD102" s="60"/>
      <c r="AE102" s="60"/>
      <c r="AF102" s="60"/>
      <c r="AG102" s="60"/>
      <c r="AH102" s="60"/>
      <c r="AI102" s="60"/>
      <c r="AJ102" s="58"/>
    </row>
    <row r="103" spans="1:36" ht="11.25" x14ac:dyDescent="0.15">
      <c r="A103" s="341" t="s">
        <v>57</v>
      </c>
      <c r="B103" s="342"/>
      <c r="C103" s="347" t="s">
        <v>59</v>
      </c>
      <c r="D103" s="348"/>
      <c r="E103" s="348"/>
      <c r="F103" s="348"/>
      <c r="G103" s="348"/>
      <c r="H103" s="348"/>
      <c r="I103" s="348"/>
      <c r="J103" s="348"/>
      <c r="K103" s="349" t="s">
        <v>58</v>
      </c>
      <c r="L103" s="348"/>
      <c r="M103" s="348"/>
      <c r="N103" s="348"/>
      <c r="O103" s="348"/>
      <c r="P103" s="348"/>
      <c r="Q103" s="348"/>
      <c r="R103" s="350"/>
      <c r="S103" s="341" t="s">
        <v>57</v>
      </c>
      <c r="T103" s="342"/>
      <c r="U103" s="347" t="s">
        <v>56</v>
      </c>
      <c r="V103" s="348"/>
      <c r="W103" s="348"/>
      <c r="X103" s="348"/>
      <c r="Y103" s="348"/>
      <c r="Z103" s="348"/>
      <c r="AA103" s="348"/>
      <c r="AB103" s="350"/>
      <c r="AC103" s="348" t="s">
        <v>75</v>
      </c>
      <c r="AD103" s="348"/>
      <c r="AE103" s="348"/>
      <c r="AF103" s="348"/>
      <c r="AG103" s="348"/>
      <c r="AH103" s="348"/>
      <c r="AI103" s="348"/>
      <c r="AJ103" s="350"/>
    </row>
    <row r="104" spans="1:36" ht="10.5" customHeight="1" x14ac:dyDescent="0.15">
      <c r="A104" s="343"/>
      <c r="B104" s="344"/>
      <c r="C104" s="338" t="s">
        <v>53</v>
      </c>
      <c r="D104" s="340"/>
      <c r="E104" s="338" t="s">
        <v>52</v>
      </c>
      <c r="F104" s="340"/>
      <c r="G104" s="338" t="s">
        <v>51</v>
      </c>
      <c r="H104" s="340"/>
      <c r="I104" s="338" t="s">
        <v>50</v>
      </c>
      <c r="J104" s="339"/>
      <c r="K104" s="338" t="s">
        <v>53</v>
      </c>
      <c r="L104" s="340"/>
      <c r="M104" s="338" t="s">
        <v>54</v>
      </c>
      <c r="N104" s="340"/>
      <c r="O104" s="338" t="s">
        <v>51</v>
      </c>
      <c r="P104" s="340"/>
      <c r="Q104" s="338" t="s">
        <v>50</v>
      </c>
      <c r="R104" s="339"/>
      <c r="S104" s="343"/>
      <c r="T104" s="344"/>
      <c r="U104" s="338" t="s">
        <v>53</v>
      </c>
      <c r="V104" s="340"/>
      <c r="W104" s="338" t="s">
        <v>52</v>
      </c>
      <c r="X104" s="340"/>
      <c r="Y104" s="338" t="s">
        <v>51</v>
      </c>
      <c r="Z104" s="340"/>
      <c r="AA104" s="338" t="s">
        <v>50</v>
      </c>
      <c r="AB104" s="339"/>
      <c r="AC104" s="338" t="s">
        <v>53</v>
      </c>
      <c r="AD104" s="340"/>
      <c r="AE104" s="338" t="s">
        <v>52</v>
      </c>
      <c r="AF104" s="340"/>
      <c r="AG104" s="338" t="s">
        <v>51</v>
      </c>
      <c r="AH104" s="340"/>
      <c r="AI104" s="338" t="s">
        <v>50</v>
      </c>
      <c r="AJ104" s="339"/>
    </row>
    <row r="105" spans="1:36" ht="10.5" customHeight="1" thickBot="1" x14ac:dyDescent="0.2">
      <c r="A105" s="345"/>
      <c r="B105" s="346"/>
      <c r="C105" s="25" t="s">
        <v>74</v>
      </c>
      <c r="D105" s="56" t="s">
        <v>48</v>
      </c>
      <c r="E105" s="25" t="s">
        <v>74</v>
      </c>
      <c r="F105" s="57" t="s">
        <v>48</v>
      </c>
      <c r="G105" s="25" t="s">
        <v>74</v>
      </c>
      <c r="H105" s="56" t="s">
        <v>48</v>
      </c>
      <c r="I105" s="25" t="s">
        <v>74</v>
      </c>
      <c r="J105" s="55" t="s">
        <v>48</v>
      </c>
      <c r="K105" s="25" t="s">
        <v>74</v>
      </c>
      <c r="L105" s="56" t="s">
        <v>48</v>
      </c>
      <c r="M105" s="25" t="s">
        <v>74</v>
      </c>
      <c r="N105" s="57" t="s">
        <v>48</v>
      </c>
      <c r="O105" s="25" t="s">
        <v>74</v>
      </c>
      <c r="P105" s="56" t="s">
        <v>48</v>
      </c>
      <c r="Q105" s="25" t="s">
        <v>74</v>
      </c>
      <c r="R105" s="55" t="s">
        <v>48</v>
      </c>
      <c r="S105" s="345"/>
      <c r="T105" s="346"/>
      <c r="U105" s="25" t="s">
        <v>74</v>
      </c>
      <c r="V105" s="56" t="s">
        <v>48</v>
      </c>
      <c r="W105" s="25" t="s">
        <v>74</v>
      </c>
      <c r="X105" s="57" t="s">
        <v>48</v>
      </c>
      <c r="Y105" s="25" t="s">
        <v>74</v>
      </c>
      <c r="Z105" s="56" t="s">
        <v>48</v>
      </c>
      <c r="AA105" s="25" t="s">
        <v>74</v>
      </c>
      <c r="AB105" s="55" t="s">
        <v>48</v>
      </c>
      <c r="AC105" s="25" t="s">
        <v>74</v>
      </c>
      <c r="AD105" s="56" t="s">
        <v>48</v>
      </c>
      <c r="AE105" s="25" t="s">
        <v>74</v>
      </c>
      <c r="AF105" s="57" t="s">
        <v>48</v>
      </c>
      <c r="AG105" s="25" t="s">
        <v>74</v>
      </c>
      <c r="AH105" s="56" t="s">
        <v>48</v>
      </c>
      <c r="AI105" s="25" t="s">
        <v>74</v>
      </c>
      <c r="AJ105" s="55" t="s">
        <v>48</v>
      </c>
    </row>
    <row r="106" spans="1:36" ht="14.1" customHeight="1" thickTop="1" x14ac:dyDescent="0.15">
      <c r="A106" s="65">
        <v>1</v>
      </c>
      <c r="B106" s="53" t="s">
        <v>47</v>
      </c>
      <c r="C106" s="32">
        <v>14.388999999999999</v>
      </c>
      <c r="D106" s="34">
        <v>28</v>
      </c>
      <c r="E106" s="32">
        <v>30.556000000000001</v>
      </c>
      <c r="F106" s="34">
        <v>1</v>
      </c>
      <c r="G106" s="32">
        <v>12.925000000000001</v>
      </c>
      <c r="H106" s="34">
        <v>29</v>
      </c>
      <c r="I106" s="32">
        <v>14.39</v>
      </c>
      <c r="J106" s="36">
        <v>28</v>
      </c>
      <c r="K106" s="32">
        <v>1.5309999999999999</v>
      </c>
      <c r="L106" s="34">
        <v>7</v>
      </c>
      <c r="M106" s="32">
        <v>1.143</v>
      </c>
      <c r="N106" s="34">
        <v>1</v>
      </c>
      <c r="O106" s="32">
        <v>1.554</v>
      </c>
      <c r="P106" s="34">
        <v>6</v>
      </c>
      <c r="Q106" s="32">
        <v>1.5309999999999999</v>
      </c>
      <c r="R106" s="36">
        <v>7</v>
      </c>
      <c r="S106" s="48">
        <v>1</v>
      </c>
      <c r="T106" s="34" t="s">
        <v>47</v>
      </c>
      <c r="U106" s="32">
        <v>1.71</v>
      </c>
      <c r="V106" s="34">
        <v>19</v>
      </c>
      <c r="W106" s="32">
        <v>0</v>
      </c>
      <c r="X106" s="34">
        <v>4</v>
      </c>
      <c r="Y106" s="32">
        <v>1.7230000000000001</v>
      </c>
      <c r="Z106" s="34">
        <v>24</v>
      </c>
      <c r="AA106" s="32">
        <v>1.71</v>
      </c>
      <c r="AB106" s="36">
        <v>19</v>
      </c>
      <c r="AC106" s="32">
        <v>1.792</v>
      </c>
      <c r="AD106" s="34">
        <v>22</v>
      </c>
      <c r="AE106" s="32">
        <v>17.687999999999999</v>
      </c>
      <c r="AF106" s="34">
        <v>1</v>
      </c>
      <c r="AG106" s="32">
        <v>1.784</v>
      </c>
      <c r="AH106" s="33">
        <v>15</v>
      </c>
      <c r="AI106" s="32">
        <v>1.792</v>
      </c>
      <c r="AJ106" s="31">
        <v>22</v>
      </c>
    </row>
    <row r="107" spans="1:36" ht="14.1" customHeight="1" x14ac:dyDescent="0.15">
      <c r="A107" s="38">
        <v>2</v>
      </c>
      <c r="B107" s="53" t="s">
        <v>46</v>
      </c>
      <c r="C107" s="32">
        <v>14.656000000000001</v>
      </c>
      <c r="D107" s="34">
        <v>25</v>
      </c>
      <c r="E107" s="32">
        <v>1</v>
      </c>
      <c r="F107" s="34">
        <v>2</v>
      </c>
      <c r="G107" s="32">
        <v>13.801</v>
      </c>
      <c r="H107" s="34">
        <v>14</v>
      </c>
      <c r="I107" s="32">
        <v>14.667999999999999</v>
      </c>
      <c r="J107" s="36">
        <v>25</v>
      </c>
      <c r="K107" s="32">
        <v>1.5549999999999999</v>
      </c>
      <c r="L107" s="34">
        <v>1</v>
      </c>
      <c r="M107" s="32">
        <v>0</v>
      </c>
      <c r="N107" s="34">
        <v>5</v>
      </c>
      <c r="O107" s="32">
        <v>1.6060000000000001</v>
      </c>
      <c r="P107" s="34">
        <v>1</v>
      </c>
      <c r="Q107" s="32">
        <v>1.5549999999999999</v>
      </c>
      <c r="R107" s="36">
        <v>1</v>
      </c>
      <c r="S107" s="38">
        <v>2</v>
      </c>
      <c r="T107" s="34" t="s">
        <v>46</v>
      </c>
      <c r="U107" s="32">
        <v>1.7150000000000001</v>
      </c>
      <c r="V107" s="34">
        <v>18</v>
      </c>
      <c r="W107" s="32">
        <v>0</v>
      </c>
      <c r="X107" s="34">
        <v>4</v>
      </c>
      <c r="Y107" s="32">
        <v>1.7310000000000001</v>
      </c>
      <c r="Z107" s="34">
        <v>21</v>
      </c>
      <c r="AA107" s="32">
        <v>1.7150000000000001</v>
      </c>
      <c r="AB107" s="36">
        <v>18</v>
      </c>
      <c r="AC107" s="32">
        <v>1.827</v>
      </c>
      <c r="AD107" s="34">
        <v>12</v>
      </c>
      <c r="AE107" s="32">
        <v>1.024</v>
      </c>
      <c r="AF107" s="34">
        <v>5</v>
      </c>
      <c r="AG107" s="32">
        <v>1.87</v>
      </c>
      <c r="AH107" s="33">
        <v>6</v>
      </c>
      <c r="AI107" s="32">
        <v>1.827</v>
      </c>
      <c r="AJ107" s="31">
        <v>12</v>
      </c>
    </row>
    <row r="108" spans="1:36" ht="14.1" customHeight="1" x14ac:dyDescent="0.15">
      <c r="A108" s="38">
        <v>3</v>
      </c>
      <c r="B108" s="53" t="s">
        <v>45</v>
      </c>
      <c r="C108" s="32">
        <v>14.212999999999999</v>
      </c>
      <c r="D108" s="34">
        <v>30</v>
      </c>
      <c r="E108" s="32">
        <v>0</v>
      </c>
      <c r="F108" s="34">
        <v>3</v>
      </c>
      <c r="G108" s="32">
        <v>12.58</v>
      </c>
      <c r="H108" s="34">
        <v>31</v>
      </c>
      <c r="I108" s="32">
        <v>14.212999999999999</v>
      </c>
      <c r="J108" s="36">
        <v>30</v>
      </c>
      <c r="K108" s="32">
        <v>1.542</v>
      </c>
      <c r="L108" s="34">
        <v>4</v>
      </c>
      <c r="M108" s="32">
        <v>0</v>
      </c>
      <c r="N108" s="34">
        <v>5</v>
      </c>
      <c r="O108" s="32">
        <v>1.5680000000000001</v>
      </c>
      <c r="P108" s="34">
        <v>3</v>
      </c>
      <c r="Q108" s="32">
        <v>1.542</v>
      </c>
      <c r="R108" s="36">
        <v>4</v>
      </c>
      <c r="S108" s="38">
        <v>3</v>
      </c>
      <c r="T108" s="34" t="s">
        <v>45</v>
      </c>
      <c r="U108" s="32">
        <v>1.6910000000000001</v>
      </c>
      <c r="V108" s="34">
        <v>23</v>
      </c>
      <c r="W108" s="32">
        <v>0</v>
      </c>
      <c r="X108" s="34">
        <v>4</v>
      </c>
      <c r="Y108" s="32">
        <v>1.698</v>
      </c>
      <c r="Z108" s="34">
        <v>25</v>
      </c>
      <c r="AA108" s="32">
        <v>1.6910000000000001</v>
      </c>
      <c r="AB108" s="36">
        <v>23</v>
      </c>
      <c r="AC108" s="32">
        <v>1.7969999999999999</v>
      </c>
      <c r="AD108" s="34">
        <v>18</v>
      </c>
      <c r="AE108" s="32">
        <v>0</v>
      </c>
      <c r="AF108" s="34">
        <v>7</v>
      </c>
      <c r="AG108" s="32">
        <v>1.7809999999999999</v>
      </c>
      <c r="AH108" s="33">
        <v>16</v>
      </c>
      <c r="AI108" s="32">
        <v>1.7969999999999999</v>
      </c>
      <c r="AJ108" s="31">
        <v>18</v>
      </c>
    </row>
    <row r="109" spans="1:36" ht="14.1" customHeight="1" x14ac:dyDescent="0.15">
      <c r="A109" s="38">
        <v>4</v>
      </c>
      <c r="B109" s="53" t="s">
        <v>44</v>
      </c>
      <c r="C109" s="32">
        <v>15.957000000000001</v>
      </c>
      <c r="D109" s="34">
        <v>11</v>
      </c>
      <c r="E109" s="32">
        <v>0</v>
      </c>
      <c r="F109" s="34">
        <v>3</v>
      </c>
      <c r="G109" s="32">
        <v>14.616</v>
      </c>
      <c r="H109" s="34">
        <v>8</v>
      </c>
      <c r="I109" s="32">
        <v>15.957000000000001</v>
      </c>
      <c r="J109" s="36">
        <v>11</v>
      </c>
      <c r="K109" s="32">
        <v>1.5369999999999999</v>
      </c>
      <c r="L109" s="34">
        <v>5</v>
      </c>
      <c r="M109" s="32">
        <v>1.083</v>
      </c>
      <c r="N109" s="34">
        <v>2</v>
      </c>
      <c r="O109" s="32">
        <v>1.544</v>
      </c>
      <c r="P109" s="34">
        <v>7</v>
      </c>
      <c r="Q109" s="32">
        <v>1.5369999999999999</v>
      </c>
      <c r="R109" s="36">
        <v>5</v>
      </c>
      <c r="S109" s="38">
        <v>4</v>
      </c>
      <c r="T109" s="34" t="s">
        <v>44</v>
      </c>
      <c r="U109" s="32">
        <v>1.7490000000000001</v>
      </c>
      <c r="V109" s="34">
        <v>9</v>
      </c>
      <c r="W109" s="32">
        <v>1</v>
      </c>
      <c r="X109" s="34">
        <v>3</v>
      </c>
      <c r="Y109" s="32">
        <v>1.778</v>
      </c>
      <c r="Z109" s="34">
        <v>12</v>
      </c>
      <c r="AA109" s="32">
        <v>1.7490000000000001</v>
      </c>
      <c r="AB109" s="36">
        <v>9</v>
      </c>
      <c r="AC109" s="32">
        <v>1.8640000000000001</v>
      </c>
      <c r="AD109" s="34">
        <v>7</v>
      </c>
      <c r="AE109" s="32">
        <v>1.0589999999999999</v>
      </c>
      <c r="AF109" s="34">
        <v>4</v>
      </c>
      <c r="AG109" s="32">
        <v>1.83</v>
      </c>
      <c r="AH109" s="33">
        <v>8</v>
      </c>
      <c r="AI109" s="32">
        <v>1.8640000000000001</v>
      </c>
      <c r="AJ109" s="31">
        <v>7</v>
      </c>
    </row>
    <row r="110" spans="1:36" ht="14.1" customHeight="1" x14ac:dyDescent="0.15">
      <c r="A110" s="38">
        <v>5</v>
      </c>
      <c r="B110" s="53" t="s">
        <v>43</v>
      </c>
      <c r="C110" s="32">
        <v>15.013999999999999</v>
      </c>
      <c r="D110" s="34">
        <v>20</v>
      </c>
      <c r="E110" s="32">
        <v>0</v>
      </c>
      <c r="F110" s="34">
        <v>3</v>
      </c>
      <c r="G110" s="32">
        <v>13.515000000000001</v>
      </c>
      <c r="H110" s="34">
        <v>21</v>
      </c>
      <c r="I110" s="32">
        <v>15.013999999999999</v>
      </c>
      <c r="J110" s="36">
        <v>20</v>
      </c>
      <c r="K110" s="32">
        <v>1.4790000000000001</v>
      </c>
      <c r="L110" s="34">
        <v>17</v>
      </c>
      <c r="M110" s="32">
        <v>1.05</v>
      </c>
      <c r="N110" s="34">
        <v>3</v>
      </c>
      <c r="O110" s="32">
        <v>1.4690000000000001</v>
      </c>
      <c r="P110" s="34">
        <v>21</v>
      </c>
      <c r="Q110" s="32">
        <v>1.4790000000000001</v>
      </c>
      <c r="R110" s="36">
        <v>17</v>
      </c>
      <c r="S110" s="38">
        <v>5</v>
      </c>
      <c r="T110" s="34" t="s">
        <v>43</v>
      </c>
      <c r="U110" s="32">
        <v>1.651</v>
      </c>
      <c r="V110" s="34">
        <v>31</v>
      </c>
      <c r="W110" s="32">
        <v>1.143</v>
      </c>
      <c r="X110" s="34">
        <v>2</v>
      </c>
      <c r="Y110" s="32">
        <v>1.6719999999999999</v>
      </c>
      <c r="Z110" s="34">
        <v>29</v>
      </c>
      <c r="AA110" s="32">
        <v>1.651</v>
      </c>
      <c r="AB110" s="36">
        <v>31</v>
      </c>
      <c r="AC110" s="32">
        <v>1.7370000000000001</v>
      </c>
      <c r="AD110" s="34">
        <v>30</v>
      </c>
      <c r="AE110" s="32">
        <v>1.0740000000000001</v>
      </c>
      <c r="AF110" s="34">
        <v>3</v>
      </c>
      <c r="AG110" s="32">
        <v>1.706</v>
      </c>
      <c r="AH110" s="33">
        <v>30</v>
      </c>
      <c r="AI110" s="32">
        <v>1.7370000000000001</v>
      </c>
      <c r="AJ110" s="31">
        <v>30</v>
      </c>
    </row>
    <row r="111" spans="1:36" ht="14.1" customHeight="1" x14ac:dyDescent="0.15">
      <c r="A111" s="38">
        <v>6</v>
      </c>
      <c r="B111" s="53" t="s">
        <v>42</v>
      </c>
      <c r="C111" s="32">
        <v>15.186999999999999</v>
      </c>
      <c r="D111" s="34">
        <v>18</v>
      </c>
      <c r="E111" s="32">
        <v>0</v>
      </c>
      <c r="F111" s="34">
        <v>3</v>
      </c>
      <c r="G111" s="32">
        <v>13.486000000000001</v>
      </c>
      <c r="H111" s="34">
        <v>22</v>
      </c>
      <c r="I111" s="32">
        <v>15.186999999999999</v>
      </c>
      <c r="J111" s="36">
        <v>18</v>
      </c>
      <c r="K111" s="32">
        <v>1.4990000000000001</v>
      </c>
      <c r="L111" s="34">
        <v>12</v>
      </c>
      <c r="M111" s="32">
        <v>0</v>
      </c>
      <c r="N111" s="34">
        <v>5</v>
      </c>
      <c r="O111" s="32">
        <v>1.514</v>
      </c>
      <c r="P111" s="34">
        <v>12</v>
      </c>
      <c r="Q111" s="32">
        <v>1.4990000000000001</v>
      </c>
      <c r="R111" s="36">
        <v>12</v>
      </c>
      <c r="S111" s="38">
        <v>6</v>
      </c>
      <c r="T111" s="34" t="s">
        <v>42</v>
      </c>
      <c r="U111" s="32">
        <v>1.6579999999999999</v>
      </c>
      <c r="V111" s="34">
        <v>28</v>
      </c>
      <c r="W111" s="32">
        <v>0</v>
      </c>
      <c r="X111" s="34">
        <v>4</v>
      </c>
      <c r="Y111" s="32">
        <v>1.67</v>
      </c>
      <c r="Z111" s="34">
        <v>30</v>
      </c>
      <c r="AA111" s="32">
        <v>1.6579999999999999</v>
      </c>
      <c r="AB111" s="36">
        <v>28</v>
      </c>
      <c r="AC111" s="32">
        <v>1.7609999999999999</v>
      </c>
      <c r="AD111" s="34">
        <v>23</v>
      </c>
      <c r="AE111" s="32">
        <v>0</v>
      </c>
      <c r="AF111" s="34">
        <v>7</v>
      </c>
      <c r="AG111" s="32">
        <v>1.74</v>
      </c>
      <c r="AH111" s="33">
        <v>24</v>
      </c>
      <c r="AI111" s="32">
        <v>1.7609999999999999</v>
      </c>
      <c r="AJ111" s="31">
        <v>23</v>
      </c>
    </row>
    <row r="112" spans="1:36" ht="14.1" customHeight="1" x14ac:dyDescent="0.15">
      <c r="A112" s="38">
        <v>7</v>
      </c>
      <c r="B112" s="53" t="s">
        <v>41</v>
      </c>
      <c r="C112" s="32">
        <v>16.943000000000001</v>
      </c>
      <c r="D112" s="34">
        <v>5</v>
      </c>
      <c r="E112" s="32">
        <v>0</v>
      </c>
      <c r="F112" s="34">
        <v>3</v>
      </c>
      <c r="G112" s="32">
        <v>15.452</v>
      </c>
      <c r="H112" s="34">
        <v>4</v>
      </c>
      <c r="I112" s="32">
        <v>16.943000000000001</v>
      </c>
      <c r="J112" s="36">
        <v>5</v>
      </c>
      <c r="K112" s="32">
        <v>1.5449999999999999</v>
      </c>
      <c r="L112" s="34">
        <v>3</v>
      </c>
      <c r="M112" s="32">
        <v>0</v>
      </c>
      <c r="N112" s="34">
        <v>5</v>
      </c>
      <c r="O112" s="32">
        <v>1.556</v>
      </c>
      <c r="P112" s="34">
        <v>5</v>
      </c>
      <c r="Q112" s="32">
        <v>1.5449999999999999</v>
      </c>
      <c r="R112" s="36">
        <v>3</v>
      </c>
      <c r="S112" s="38">
        <v>7</v>
      </c>
      <c r="T112" s="34" t="s">
        <v>41</v>
      </c>
      <c r="U112" s="32">
        <v>1.7230000000000001</v>
      </c>
      <c r="V112" s="34">
        <v>16</v>
      </c>
      <c r="W112" s="32">
        <v>0</v>
      </c>
      <c r="X112" s="34">
        <v>4</v>
      </c>
      <c r="Y112" s="32">
        <v>1.7509999999999999</v>
      </c>
      <c r="Z112" s="34">
        <v>16</v>
      </c>
      <c r="AA112" s="32">
        <v>1.7230000000000001</v>
      </c>
      <c r="AB112" s="36">
        <v>16</v>
      </c>
      <c r="AC112" s="32">
        <v>1.9239999999999999</v>
      </c>
      <c r="AD112" s="34">
        <v>4</v>
      </c>
      <c r="AE112" s="32">
        <v>0</v>
      </c>
      <c r="AF112" s="34">
        <v>7</v>
      </c>
      <c r="AG112" s="32">
        <v>1.895</v>
      </c>
      <c r="AH112" s="33">
        <v>2</v>
      </c>
      <c r="AI112" s="32">
        <v>1.9239999999999999</v>
      </c>
      <c r="AJ112" s="31">
        <v>4</v>
      </c>
    </row>
    <row r="113" spans="1:36" ht="14.1" customHeight="1" x14ac:dyDescent="0.15">
      <c r="A113" s="38">
        <v>8</v>
      </c>
      <c r="B113" s="53" t="s">
        <v>40</v>
      </c>
      <c r="C113" s="32">
        <v>14.025</v>
      </c>
      <c r="D113" s="34">
        <v>31</v>
      </c>
      <c r="E113" s="32">
        <v>0</v>
      </c>
      <c r="F113" s="34">
        <v>3</v>
      </c>
      <c r="G113" s="32">
        <v>12.933</v>
      </c>
      <c r="H113" s="34">
        <v>28</v>
      </c>
      <c r="I113" s="32">
        <v>14.025</v>
      </c>
      <c r="J113" s="36">
        <v>31</v>
      </c>
      <c r="K113" s="32">
        <v>1.4830000000000001</v>
      </c>
      <c r="L113" s="34">
        <v>15</v>
      </c>
      <c r="M113" s="32">
        <v>0</v>
      </c>
      <c r="N113" s="34">
        <v>5</v>
      </c>
      <c r="O113" s="32">
        <v>1.504</v>
      </c>
      <c r="P113" s="34">
        <v>16</v>
      </c>
      <c r="Q113" s="32">
        <v>1.4830000000000001</v>
      </c>
      <c r="R113" s="36">
        <v>15</v>
      </c>
      <c r="S113" s="38">
        <v>8</v>
      </c>
      <c r="T113" s="34" t="s">
        <v>40</v>
      </c>
      <c r="U113" s="32">
        <v>1.657</v>
      </c>
      <c r="V113" s="34">
        <v>29</v>
      </c>
      <c r="W113" s="32">
        <v>0</v>
      </c>
      <c r="X113" s="34">
        <v>4</v>
      </c>
      <c r="Y113" s="32">
        <v>1.69</v>
      </c>
      <c r="Z113" s="34">
        <v>26</v>
      </c>
      <c r="AA113" s="32">
        <v>1.657</v>
      </c>
      <c r="AB113" s="36">
        <v>29</v>
      </c>
      <c r="AC113" s="32">
        <v>1.7430000000000001</v>
      </c>
      <c r="AD113" s="34">
        <v>27</v>
      </c>
      <c r="AE113" s="32">
        <v>0</v>
      </c>
      <c r="AF113" s="34">
        <v>7</v>
      </c>
      <c r="AG113" s="32">
        <v>1.7390000000000001</v>
      </c>
      <c r="AH113" s="33">
        <v>25</v>
      </c>
      <c r="AI113" s="32">
        <v>1.7430000000000001</v>
      </c>
      <c r="AJ113" s="31">
        <v>27</v>
      </c>
    </row>
    <row r="114" spans="1:36" ht="14.1" customHeight="1" x14ac:dyDescent="0.15">
      <c r="A114" s="38">
        <v>9</v>
      </c>
      <c r="B114" s="53" t="s">
        <v>39</v>
      </c>
      <c r="C114" s="32">
        <v>14.771000000000001</v>
      </c>
      <c r="D114" s="34">
        <v>24</v>
      </c>
      <c r="E114" s="32">
        <v>0</v>
      </c>
      <c r="F114" s="34">
        <v>3</v>
      </c>
      <c r="G114" s="32">
        <v>13.333</v>
      </c>
      <c r="H114" s="34">
        <v>25</v>
      </c>
      <c r="I114" s="32">
        <v>14.771000000000001</v>
      </c>
      <c r="J114" s="36">
        <v>24</v>
      </c>
      <c r="K114" s="32">
        <v>1.526</v>
      </c>
      <c r="L114" s="34">
        <v>8</v>
      </c>
      <c r="M114" s="32">
        <v>0</v>
      </c>
      <c r="N114" s="34">
        <v>5</v>
      </c>
      <c r="O114" s="32">
        <v>1.5569999999999999</v>
      </c>
      <c r="P114" s="34">
        <v>4</v>
      </c>
      <c r="Q114" s="32">
        <v>1.526</v>
      </c>
      <c r="R114" s="36">
        <v>8</v>
      </c>
      <c r="S114" s="38">
        <v>9</v>
      </c>
      <c r="T114" s="34" t="s">
        <v>39</v>
      </c>
      <c r="U114" s="32">
        <v>1.73</v>
      </c>
      <c r="V114" s="34">
        <v>15</v>
      </c>
      <c r="W114" s="32">
        <v>0</v>
      </c>
      <c r="X114" s="34">
        <v>4</v>
      </c>
      <c r="Y114" s="32">
        <v>1.7869999999999999</v>
      </c>
      <c r="Z114" s="34">
        <v>11</v>
      </c>
      <c r="AA114" s="32">
        <v>1.73</v>
      </c>
      <c r="AB114" s="36">
        <v>15</v>
      </c>
      <c r="AC114" s="32">
        <v>1.8009999999999999</v>
      </c>
      <c r="AD114" s="34">
        <v>16</v>
      </c>
      <c r="AE114" s="32">
        <v>0</v>
      </c>
      <c r="AF114" s="34">
        <v>7</v>
      </c>
      <c r="AG114" s="32">
        <v>1.8109999999999999</v>
      </c>
      <c r="AH114" s="33">
        <v>11</v>
      </c>
      <c r="AI114" s="32">
        <v>1.8009999999999999</v>
      </c>
      <c r="AJ114" s="31">
        <v>16</v>
      </c>
    </row>
    <row r="115" spans="1:36" ht="14.1" customHeight="1" x14ac:dyDescent="0.15">
      <c r="A115" s="38">
        <v>10</v>
      </c>
      <c r="B115" s="53" t="s">
        <v>38</v>
      </c>
      <c r="C115" s="32">
        <v>14.984999999999999</v>
      </c>
      <c r="D115" s="34">
        <v>21</v>
      </c>
      <c r="E115" s="32">
        <v>0</v>
      </c>
      <c r="F115" s="34">
        <v>3</v>
      </c>
      <c r="G115" s="32">
        <v>13.428000000000001</v>
      </c>
      <c r="H115" s="34">
        <v>24</v>
      </c>
      <c r="I115" s="32">
        <v>14.986000000000001</v>
      </c>
      <c r="J115" s="36">
        <v>21</v>
      </c>
      <c r="K115" s="32">
        <v>1.51</v>
      </c>
      <c r="L115" s="34">
        <v>9</v>
      </c>
      <c r="M115" s="32">
        <v>-6</v>
      </c>
      <c r="N115" s="34">
        <v>33</v>
      </c>
      <c r="O115" s="32">
        <v>1.5289999999999999</v>
      </c>
      <c r="P115" s="34">
        <v>9</v>
      </c>
      <c r="Q115" s="32">
        <v>1.51</v>
      </c>
      <c r="R115" s="36">
        <v>9</v>
      </c>
      <c r="S115" s="38">
        <v>10</v>
      </c>
      <c r="T115" s="34" t="s">
        <v>38</v>
      </c>
      <c r="U115" s="32">
        <v>1.77</v>
      </c>
      <c r="V115" s="34">
        <v>7</v>
      </c>
      <c r="W115" s="32">
        <v>0</v>
      </c>
      <c r="X115" s="34">
        <v>4</v>
      </c>
      <c r="Y115" s="32">
        <v>1.7969999999999999</v>
      </c>
      <c r="Z115" s="34">
        <v>7</v>
      </c>
      <c r="AA115" s="32">
        <v>1.77</v>
      </c>
      <c r="AB115" s="36">
        <v>7</v>
      </c>
      <c r="AC115" s="32">
        <v>1.853</v>
      </c>
      <c r="AD115" s="34">
        <v>10</v>
      </c>
      <c r="AE115" s="32">
        <v>-5.3330000000000002</v>
      </c>
      <c r="AF115" s="34">
        <v>33</v>
      </c>
      <c r="AG115" s="32">
        <v>1.84</v>
      </c>
      <c r="AH115" s="33">
        <v>7</v>
      </c>
      <c r="AI115" s="32">
        <v>1.853</v>
      </c>
      <c r="AJ115" s="31">
        <v>10</v>
      </c>
    </row>
    <row r="116" spans="1:36" ht="14.1" customHeight="1" x14ac:dyDescent="0.15">
      <c r="A116" s="38">
        <v>11</v>
      </c>
      <c r="B116" s="53" t="s">
        <v>37</v>
      </c>
      <c r="C116" s="32">
        <v>13.207000000000001</v>
      </c>
      <c r="D116" s="34">
        <v>33</v>
      </c>
      <c r="E116" s="32">
        <v>0</v>
      </c>
      <c r="F116" s="34">
        <v>3</v>
      </c>
      <c r="G116" s="32">
        <v>11.763999999999999</v>
      </c>
      <c r="H116" s="34">
        <v>32</v>
      </c>
      <c r="I116" s="32">
        <v>13.207000000000001</v>
      </c>
      <c r="J116" s="36">
        <v>33</v>
      </c>
      <c r="K116" s="32">
        <v>1.506</v>
      </c>
      <c r="L116" s="34">
        <v>10</v>
      </c>
      <c r="M116" s="32">
        <v>0</v>
      </c>
      <c r="N116" s="34">
        <v>5</v>
      </c>
      <c r="O116" s="32">
        <v>1.5069999999999999</v>
      </c>
      <c r="P116" s="34">
        <v>15</v>
      </c>
      <c r="Q116" s="32">
        <v>1.506</v>
      </c>
      <c r="R116" s="36">
        <v>10</v>
      </c>
      <c r="S116" s="38">
        <v>11</v>
      </c>
      <c r="T116" s="34" t="s">
        <v>37</v>
      </c>
      <c r="U116" s="32">
        <v>1.7010000000000001</v>
      </c>
      <c r="V116" s="34">
        <v>21</v>
      </c>
      <c r="W116" s="32">
        <v>0</v>
      </c>
      <c r="X116" s="34">
        <v>4</v>
      </c>
      <c r="Y116" s="32">
        <v>1.732</v>
      </c>
      <c r="Z116" s="34">
        <v>20</v>
      </c>
      <c r="AA116" s="32">
        <v>1.7010000000000001</v>
      </c>
      <c r="AB116" s="36">
        <v>21</v>
      </c>
      <c r="AC116" s="32">
        <v>1.76</v>
      </c>
      <c r="AD116" s="34">
        <v>24</v>
      </c>
      <c r="AE116" s="32">
        <v>0</v>
      </c>
      <c r="AF116" s="34">
        <v>7</v>
      </c>
      <c r="AG116" s="32">
        <v>1.7470000000000001</v>
      </c>
      <c r="AH116" s="33">
        <v>22</v>
      </c>
      <c r="AI116" s="32">
        <v>1.76</v>
      </c>
      <c r="AJ116" s="31">
        <v>24</v>
      </c>
    </row>
    <row r="117" spans="1:36" ht="14.1" customHeight="1" x14ac:dyDescent="0.15">
      <c r="A117" s="38">
        <v>12</v>
      </c>
      <c r="B117" s="53" t="s">
        <v>36</v>
      </c>
      <c r="C117" s="32">
        <v>16.260000000000002</v>
      </c>
      <c r="D117" s="34">
        <v>10</v>
      </c>
      <c r="E117" s="32">
        <v>0</v>
      </c>
      <c r="F117" s="34">
        <v>3</v>
      </c>
      <c r="G117" s="32">
        <v>14.752000000000001</v>
      </c>
      <c r="H117" s="34">
        <v>7</v>
      </c>
      <c r="I117" s="32">
        <v>16.260000000000002</v>
      </c>
      <c r="J117" s="36">
        <v>10</v>
      </c>
      <c r="K117" s="32">
        <v>1.4159999999999999</v>
      </c>
      <c r="L117" s="34">
        <v>28</v>
      </c>
      <c r="M117" s="32">
        <v>0</v>
      </c>
      <c r="N117" s="34">
        <v>5</v>
      </c>
      <c r="O117" s="32">
        <v>1.405</v>
      </c>
      <c r="P117" s="34">
        <v>27</v>
      </c>
      <c r="Q117" s="32">
        <v>1.4159999999999999</v>
      </c>
      <c r="R117" s="36">
        <v>28</v>
      </c>
      <c r="S117" s="38">
        <v>12</v>
      </c>
      <c r="T117" s="34" t="s">
        <v>36</v>
      </c>
      <c r="U117" s="32">
        <v>1.79</v>
      </c>
      <c r="V117" s="34">
        <v>5</v>
      </c>
      <c r="W117" s="32">
        <v>0</v>
      </c>
      <c r="X117" s="34">
        <v>4</v>
      </c>
      <c r="Y117" s="32">
        <v>1.837</v>
      </c>
      <c r="Z117" s="34">
        <v>4</v>
      </c>
      <c r="AA117" s="32">
        <v>1.79</v>
      </c>
      <c r="AB117" s="36">
        <v>5</v>
      </c>
      <c r="AC117" s="32">
        <v>1.7949999999999999</v>
      </c>
      <c r="AD117" s="34">
        <v>19</v>
      </c>
      <c r="AE117" s="32">
        <v>0</v>
      </c>
      <c r="AF117" s="34">
        <v>7</v>
      </c>
      <c r="AG117" s="32">
        <v>1.7450000000000001</v>
      </c>
      <c r="AH117" s="33">
        <v>23</v>
      </c>
      <c r="AI117" s="32">
        <v>1.7949999999999999</v>
      </c>
      <c r="AJ117" s="31">
        <v>19</v>
      </c>
    </row>
    <row r="118" spans="1:36" ht="14.1" customHeight="1" x14ac:dyDescent="0.15">
      <c r="A118" s="38">
        <v>13</v>
      </c>
      <c r="B118" s="53" t="s">
        <v>35</v>
      </c>
      <c r="C118" s="32">
        <v>15.047000000000001</v>
      </c>
      <c r="D118" s="34">
        <v>19</v>
      </c>
      <c r="E118" s="32">
        <v>0</v>
      </c>
      <c r="F118" s="34">
        <v>3</v>
      </c>
      <c r="G118" s="32">
        <v>13.73</v>
      </c>
      <c r="H118" s="34">
        <v>16</v>
      </c>
      <c r="I118" s="32">
        <v>15.047000000000001</v>
      </c>
      <c r="J118" s="36">
        <v>19</v>
      </c>
      <c r="K118" s="32">
        <v>1.5349999999999999</v>
      </c>
      <c r="L118" s="34">
        <v>6</v>
      </c>
      <c r="M118" s="32">
        <v>0</v>
      </c>
      <c r="N118" s="34">
        <v>5</v>
      </c>
      <c r="O118" s="32">
        <v>1.54</v>
      </c>
      <c r="P118" s="34">
        <v>8</v>
      </c>
      <c r="Q118" s="32">
        <v>1.5349999999999999</v>
      </c>
      <c r="R118" s="36">
        <v>6</v>
      </c>
      <c r="S118" s="38">
        <v>13</v>
      </c>
      <c r="T118" s="34" t="s">
        <v>35</v>
      </c>
      <c r="U118" s="32">
        <v>1.71</v>
      </c>
      <c r="V118" s="34">
        <v>19</v>
      </c>
      <c r="W118" s="32">
        <v>0</v>
      </c>
      <c r="X118" s="34">
        <v>4</v>
      </c>
      <c r="Y118" s="32">
        <v>1.7410000000000001</v>
      </c>
      <c r="Z118" s="34">
        <v>18</v>
      </c>
      <c r="AA118" s="32">
        <v>1.71</v>
      </c>
      <c r="AB118" s="36">
        <v>19</v>
      </c>
      <c r="AC118" s="32">
        <v>1.859</v>
      </c>
      <c r="AD118" s="34">
        <v>8</v>
      </c>
      <c r="AE118" s="32">
        <v>0</v>
      </c>
      <c r="AF118" s="34">
        <v>7</v>
      </c>
      <c r="AG118" s="32">
        <v>1.829</v>
      </c>
      <c r="AH118" s="33">
        <v>9</v>
      </c>
      <c r="AI118" s="32">
        <v>1.859</v>
      </c>
      <c r="AJ118" s="31">
        <v>8</v>
      </c>
    </row>
    <row r="119" spans="1:36" ht="14.1" customHeight="1" x14ac:dyDescent="0.15">
      <c r="A119" s="38">
        <v>14</v>
      </c>
      <c r="B119" s="53" t="s">
        <v>34</v>
      </c>
      <c r="C119" s="32">
        <v>14.898</v>
      </c>
      <c r="D119" s="34">
        <v>22</v>
      </c>
      <c r="E119" s="32">
        <v>0</v>
      </c>
      <c r="F119" s="34">
        <v>3</v>
      </c>
      <c r="G119" s="32">
        <v>13.452</v>
      </c>
      <c r="H119" s="34">
        <v>23</v>
      </c>
      <c r="I119" s="32">
        <v>14.898</v>
      </c>
      <c r="J119" s="36">
        <v>22</v>
      </c>
      <c r="K119" s="32">
        <v>1.496</v>
      </c>
      <c r="L119" s="34">
        <v>14</v>
      </c>
      <c r="M119" s="32">
        <v>1</v>
      </c>
      <c r="N119" s="34">
        <v>4</v>
      </c>
      <c r="O119" s="32">
        <v>1.5149999999999999</v>
      </c>
      <c r="P119" s="34">
        <v>11</v>
      </c>
      <c r="Q119" s="32">
        <v>1.496</v>
      </c>
      <c r="R119" s="36">
        <v>14</v>
      </c>
      <c r="S119" s="38">
        <v>14</v>
      </c>
      <c r="T119" s="34" t="s">
        <v>34</v>
      </c>
      <c r="U119" s="32">
        <v>1.736</v>
      </c>
      <c r="V119" s="34">
        <v>14</v>
      </c>
      <c r="W119" s="32">
        <v>0</v>
      </c>
      <c r="X119" s="34">
        <v>4</v>
      </c>
      <c r="Y119" s="32">
        <v>1.752</v>
      </c>
      <c r="Z119" s="34">
        <v>15</v>
      </c>
      <c r="AA119" s="32">
        <v>1.736</v>
      </c>
      <c r="AB119" s="36">
        <v>14</v>
      </c>
      <c r="AC119" s="32">
        <v>1.794</v>
      </c>
      <c r="AD119" s="34">
        <v>20</v>
      </c>
      <c r="AE119" s="32">
        <v>1</v>
      </c>
      <c r="AF119" s="34">
        <v>6</v>
      </c>
      <c r="AG119" s="32">
        <v>1.79</v>
      </c>
      <c r="AH119" s="33">
        <v>14</v>
      </c>
      <c r="AI119" s="32">
        <v>1.794</v>
      </c>
      <c r="AJ119" s="31">
        <v>20</v>
      </c>
    </row>
    <row r="120" spans="1:36" ht="14.1" customHeight="1" x14ac:dyDescent="0.15">
      <c r="A120" s="38">
        <v>15</v>
      </c>
      <c r="B120" s="53" t="s">
        <v>33</v>
      </c>
      <c r="C120" s="32">
        <v>16.553999999999998</v>
      </c>
      <c r="D120" s="34">
        <v>8</v>
      </c>
      <c r="E120" s="32">
        <v>0</v>
      </c>
      <c r="F120" s="34">
        <v>3</v>
      </c>
      <c r="G120" s="32">
        <v>15.313000000000001</v>
      </c>
      <c r="H120" s="34">
        <v>5</v>
      </c>
      <c r="I120" s="32">
        <v>16.553999999999998</v>
      </c>
      <c r="J120" s="36">
        <v>8</v>
      </c>
      <c r="K120" s="32">
        <v>1.474</v>
      </c>
      <c r="L120" s="34">
        <v>18</v>
      </c>
      <c r="M120" s="32">
        <v>0</v>
      </c>
      <c r="N120" s="34">
        <v>5</v>
      </c>
      <c r="O120" s="32">
        <v>1.476</v>
      </c>
      <c r="P120" s="34">
        <v>20</v>
      </c>
      <c r="Q120" s="32">
        <v>1.474</v>
      </c>
      <c r="R120" s="36">
        <v>18</v>
      </c>
      <c r="S120" s="38">
        <v>15</v>
      </c>
      <c r="T120" s="34" t="s">
        <v>33</v>
      </c>
      <c r="U120" s="32">
        <v>1.7450000000000001</v>
      </c>
      <c r="V120" s="34">
        <v>13</v>
      </c>
      <c r="W120" s="32">
        <v>0</v>
      </c>
      <c r="X120" s="34">
        <v>4</v>
      </c>
      <c r="Y120" s="32">
        <v>1.79</v>
      </c>
      <c r="Z120" s="34">
        <v>9</v>
      </c>
      <c r="AA120" s="32">
        <v>1.7450000000000001</v>
      </c>
      <c r="AB120" s="36">
        <v>13</v>
      </c>
      <c r="AC120" s="32">
        <v>1.8440000000000001</v>
      </c>
      <c r="AD120" s="34">
        <v>11</v>
      </c>
      <c r="AE120" s="32">
        <v>0</v>
      </c>
      <c r="AF120" s="34">
        <v>7</v>
      </c>
      <c r="AG120" s="32">
        <v>1.8089999999999999</v>
      </c>
      <c r="AH120" s="33">
        <v>12</v>
      </c>
      <c r="AI120" s="32">
        <v>1.8440000000000001</v>
      </c>
      <c r="AJ120" s="54">
        <v>11</v>
      </c>
    </row>
    <row r="121" spans="1:36" ht="14.1" customHeight="1" x14ac:dyDescent="0.15">
      <c r="A121" s="38">
        <v>16</v>
      </c>
      <c r="B121" s="53" t="s">
        <v>32</v>
      </c>
      <c r="C121" s="32">
        <v>15.522</v>
      </c>
      <c r="D121" s="34">
        <v>13</v>
      </c>
      <c r="E121" s="32">
        <v>0</v>
      </c>
      <c r="F121" s="34">
        <v>3</v>
      </c>
      <c r="G121" s="32">
        <v>14.465999999999999</v>
      </c>
      <c r="H121" s="34">
        <v>11</v>
      </c>
      <c r="I121" s="32">
        <v>15.522</v>
      </c>
      <c r="J121" s="36">
        <v>13</v>
      </c>
      <c r="K121" s="32">
        <v>1.45</v>
      </c>
      <c r="L121" s="34">
        <v>23</v>
      </c>
      <c r="M121" s="32">
        <v>0</v>
      </c>
      <c r="N121" s="34">
        <v>5</v>
      </c>
      <c r="O121" s="32">
        <v>1.4410000000000001</v>
      </c>
      <c r="P121" s="34">
        <v>26</v>
      </c>
      <c r="Q121" s="32">
        <v>1.45</v>
      </c>
      <c r="R121" s="36">
        <v>23</v>
      </c>
      <c r="S121" s="38">
        <v>16</v>
      </c>
      <c r="T121" s="34" t="s">
        <v>32</v>
      </c>
      <c r="U121" s="32">
        <v>1.659</v>
      </c>
      <c r="V121" s="34">
        <v>27</v>
      </c>
      <c r="W121" s="32">
        <v>0</v>
      </c>
      <c r="X121" s="34">
        <v>4</v>
      </c>
      <c r="Y121" s="32">
        <v>1.6759999999999999</v>
      </c>
      <c r="Z121" s="34">
        <v>28</v>
      </c>
      <c r="AA121" s="32">
        <v>1.659</v>
      </c>
      <c r="AB121" s="36">
        <v>27</v>
      </c>
      <c r="AC121" s="32">
        <v>1.756</v>
      </c>
      <c r="AD121" s="34">
        <v>26</v>
      </c>
      <c r="AE121" s="32">
        <v>0</v>
      </c>
      <c r="AF121" s="34">
        <v>7</v>
      </c>
      <c r="AG121" s="32">
        <v>1.728</v>
      </c>
      <c r="AH121" s="33">
        <v>27</v>
      </c>
      <c r="AI121" s="32">
        <v>1.756</v>
      </c>
      <c r="AJ121" s="54">
        <v>26</v>
      </c>
    </row>
    <row r="122" spans="1:36" ht="14.1" customHeight="1" x14ac:dyDescent="0.15">
      <c r="A122" s="38">
        <v>17</v>
      </c>
      <c r="B122" s="53" t="s">
        <v>31</v>
      </c>
      <c r="C122" s="32">
        <v>15.366</v>
      </c>
      <c r="D122" s="34">
        <v>16</v>
      </c>
      <c r="E122" s="32">
        <v>0</v>
      </c>
      <c r="F122" s="34">
        <v>3</v>
      </c>
      <c r="G122" s="32">
        <v>14.249000000000001</v>
      </c>
      <c r="H122" s="34">
        <v>13</v>
      </c>
      <c r="I122" s="32">
        <v>15.366</v>
      </c>
      <c r="J122" s="36">
        <v>16</v>
      </c>
      <c r="K122" s="32">
        <v>1.5529999999999999</v>
      </c>
      <c r="L122" s="34">
        <v>2</v>
      </c>
      <c r="M122" s="32">
        <v>0</v>
      </c>
      <c r="N122" s="34">
        <v>5</v>
      </c>
      <c r="O122" s="32">
        <v>1.5760000000000001</v>
      </c>
      <c r="P122" s="34">
        <v>2</v>
      </c>
      <c r="Q122" s="32">
        <v>1.5529999999999999</v>
      </c>
      <c r="R122" s="36">
        <v>2</v>
      </c>
      <c r="S122" s="38">
        <v>17</v>
      </c>
      <c r="T122" s="34" t="s">
        <v>31</v>
      </c>
      <c r="U122" s="32">
        <v>1.746</v>
      </c>
      <c r="V122" s="34">
        <v>12</v>
      </c>
      <c r="W122" s="32">
        <v>1.714</v>
      </c>
      <c r="X122" s="34">
        <v>1</v>
      </c>
      <c r="Y122" s="32">
        <v>1.7490000000000001</v>
      </c>
      <c r="Z122" s="34">
        <v>17</v>
      </c>
      <c r="AA122" s="32">
        <v>1.746</v>
      </c>
      <c r="AB122" s="36">
        <v>12</v>
      </c>
      <c r="AC122" s="32">
        <v>1.8779999999999999</v>
      </c>
      <c r="AD122" s="34">
        <v>6</v>
      </c>
      <c r="AE122" s="32">
        <v>1.714</v>
      </c>
      <c r="AF122" s="34">
        <v>2</v>
      </c>
      <c r="AG122" s="32">
        <v>1.875</v>
      </c>
      <c r="AH122" s="33">
        <v>4</v>
      </c>
      <c r="AI122" s="32">
        <v>1.8779999999999999</v>
      </c>
      <c r="AJ122" s="54">
        <v>6</v>
      </c>
    </row>
    <row r="123" spans="1:36" ht="14.1" customHeight="1" x14ac:dyDescent="0.15">
      <c r="A123" s="38">
        <v>18</v>
      </c>
      <c r="B123" s="53" t="s">
        <v>30</v>
      </c>
      <c r="C123" s="32">
        <v>17.050999999999998</v>
      </c>
      <c r="D123" s="34">
        <v>3</v>
      </c>
      <c r="E123" s="32">
        <v>0</v>
      </c>
      <c r="F123" s="34">
        <v>3</v>
      </c>
      <c r="G123" s="32">
        <v>14.522</v>
      </c>
      <c r="H123" s="34">
        <v>9</v>
      </c>
      <c r="I123" s="32">
        <v>17.050999999999998</v>
      </c>
      <c r="J123" s="36">
        <v>3</v>
      </c>
      <c r="K123" s="32">
        <v>1.474</v>
      </c>
      <c r="L123" s="34">
        <v>18</v>
      </c>
      <c r="M123" s="32">
        <v>0</v>
      </c>
      <c r="N123" s="34">
        <v>5</v>
      </c>
      <c r="O123" s="32">
        <v>1.454</v>
      </c>
      <c r="P123" s="34">
        <v>23</v>
      </c>
      <c r="Q123" s="32">
        <v>1.474</v>
      </c>
      <c r="R123" s="36">
        <v>18</v>
      </c>
      <c r="S123" s="38">
        <v>18</v>
      </c>
      <c r="T123" s="34" t="s">
        <v>30</v>
      </c>
      <c r="U123" s="32">
        <v>1.81</v>
      </c>
      <c r="V123" s="34">
        <v>4</v>
      </c>
      <c r="W123" s="32">
        <v>0</v>
      </c>
      <c r="X123" s="34">
        <v>4</v>
      </c>
      <c r="Y123" s="32">
        <v>1.8360000000000001</v>
      </c>
      <c r="Z123" s="34">
        <v>5</v>
      </c>
      <c r="AA123" s="32">
        <v>1.81</v>
      </c>
      <c r="AB123" s="36">
        <v>4</v>
      </c>
      <c r="AC123" s="32">
        <v>1.8580000000000001</v>
      </c>
      <c r="AD123" s="34">
        <v>9</v>
      </c>
      <c r="AE123" s="32">
        <v>0</v>
      </c>
      <c r="AF123" s="34">
        <v>7</v>
      </c>
      <c r="AG123" s="32">
        <v>1.758</v>
      </c>
      <c r="AH123" s="33">
        <v>20</v>
      </c>
      <c r="AI123" s="32">
        <v>1.8580000000000001</v>
      </c>
      <c r="AJ123" s="54">
        <v>9</v>
      </c>
    </row>
    <row r="124" spans="1:36" ht="14.1" customHeight="1" x14ac:dyDescent="0.15">
      <c r="A124" s="38">
        <v>19</v>
      </c>
      <c r="B124" s="53" t="s">
        <v>29</v>
      </c>
      <c r="C124" s="32">
        <v>13.791</v>
      </c>
      <c r="D124" s="34">
        <v>32</v>
      </c>
      <c r="E124" s="32">
        <v>0</v>
      </c>
      <c r="F124" s="34">
        <v>3</v>
      </c>
      <c r="G124" s="32">
        <v>13.141999999999999</v>
      </c>
      <c r="H124" s="34">
        <v>27</v>
      </c>
      <c r="I124" s="32">
        <v>13.791</v>
      </c>
      <c r="J124" s="36">
        <v>32</v>
      </c>
      <c r="K124" s="32">
        <v>1.4970000000000001</v>
      </c>
      <c r="L124" s="34">
        <v>13</v>
      </c>
      <c r="M124" s="32">
        <v>0</v>
      </c>
      <c r="N124" s="34">
        <v>5</v>
      </c>
      <c r="O124" s="32">
        <v>1.5129999999999999</v>
      </c>
      <c r="P124" s="34">
        <v>13</v>
      </c>
      <c r="Q124" s="32">
        <v>1.4970000000000001</v>
      </c>
      <c r="R124" s="36">
        <v>13</v>
      </c>
      <c r="S124" s="38">
        <v>19</v>
      </c>
      <c r="T124" s="34" t="s">
        <v>29</v>
      </c>
      <c r="U124" s="32">
        <v>1.6739999999999999</v>
      </c>
      <c r="V124" s="34">
        <v>26</v>
      </c>
      <c r="W124" s="32">
        <v>0</v>
      </c>
      <c r="X124" s="34">
        <v>4</v>
      </c>
      <c r="Y124" s="32">
        <v>1.7270000000000001</v>
      </c>
      <c r="Z124" s="34">
        <v>22</v>
      </c>
      <c r="AA124" s="32">
        <v>1.6739999999999999</v>
      </c>
      <c r="AB124" s="36">
        <v>26</v>
      </c>
      <c r="AC124" s="32">
        <v>1.732</v>
      </c>
      <c r="AD124" s="34">
        <v>31</v>
      </c>
      <c r="AE124" s="32">
        <v>0</v>
      </c>
      <c r="AF124" s="34">
        <v>7</v>
      </c>
      <c r="AG124" s="32">
        <v>1.75</v>
      </c>
      <c r="AH124" s="33">
        <v>21</v>
      </c>
      <c r="AI124" s="32">
        <v>1.732</v>
      </c>
      <c r="AJ124" s="54">
        <v>31</v>
      </c>
    </row>
    <row r="125" spans="1:36" ht="14.1" customHeight="1" x14ac:dyDescent="0.15">
      <c r="A125" s="38">
        <v>20</v>
      </c>
      <c r="B125" s="53" t="s">
        <v>28</v>
      </c>
      <c r="C125" s="32">
        <v>14.894</v>
      </c>
      <c r="D125" s="34">
        <v>23</v>
      </c>
      <c r="E125" s="32">
        <v>0</v>
      </c>
      <c r="F125" s="34">
        <v>3</v>
      </c>
      <c r="G125" s="32">
        <v>13.571999999999999</v>
      </c>
      <c r="H125" s="34">
        <v>19</v>
      </c>
      <c r="I125" s="32">
        <v>14.894</v>
      </c>
      <c r="J125" s="36">
        <v>23</v>
      </c>
      <c r="K125" s="32">
        <v>1.4330000000000001</v>
      </c>
      <c r="L125" s="34">
        <v>27</v>
      </c>
      <c r="M125" s="32">
        <v>0</v>
      </c>
      <c r="N125" s="34">
        <v>5</v>
      </c>
      <c r="O125" s="32">
        <v>1.4470000000000001</v>
      </c>
      <c r="P125" s="34">
        <v>25</v>
      </c>
      <c r="Q125" s="32">
        <v>1.4330000000000001</v>
      </c>
      <c r="R125" s="36">
        <v>27</v>
      </c>
      <c r="S125" s="38">
        <v>20</v>
      </c>
      <c r="T125" s="34" t="s">
        <v>28</v>
      </c>
      <c r="U125" s="32">
        <v>1.603</v>
      </c>
      <c r="V125" s="34">
        <v>33</v>
      </c>
      <c r="W125" s="32">
        <v>0</v>
      </c>
      <c r="X125" s="34">
        <v>4</v>
      </c>
      <c r="Y125" s="32">
        <v>1.599</v>
      </c>
      <c r="Z125" s="34">
        <v>33</v>
      </c>
      <c r="AA125" s="32">
        <v>1.603</v>
      </c>
      <c r="AB125" s="36">
        <v>33</v>
      </c>
      <c r="AC125" s="32">
        <v>1.7410000000000001</v>
      </c>
      <c r="AD125" s="34">
        <v>29</v>
      </c>
      <c r="AE125" s="32">
        <v>0</v>
      </c>
      <c r="AF125" s="34">
        <v>7</v>
      </c>
      <c r="AG125" s="32">
        <v>1.7230000000000001</v>
      </c>
      <c r="AH125" s="33">
        <v>28</v>
      </c>
      <c r="AI125" s="32">
        <v>1.7410000000000001</v>
      </c>
      <c r="AJ125" s="54">
        <v>29</v>
      </c>
    </row>
    <row r="126" spans="1:36" ht="14.1" customHeight="1" x14ac:dyDescent="0.15">
      <c r="A126" s="38">
        <v>21</v>
      </c>
      <c r="B126" s="53" t="s">
        <v>27</v>
      </c>
      <c r="C126" s="32">
        <v>15.313000000000001</v>
      </c>
      <c r="D126" s="34">
        <v>17</v>
      </c>
      <c r="E126" s="32">
        <v>0</v>
      </c>
      <c r="F126" s="34">
        <v>3</v>
      </c>
      <c r="G126" s="32">
        <v>13.664999999999999</v>
      </c>
      <c r="H126" s="34">
        <v>17</v>
      </c>
      <c r="I126" s="32">
        <v>15.313000000000001</v>
      </c>
      <c r="J126" s="36">
        <v>17</v>
      </c>
      <c r="K126" s="32">
        <v>1.4490000000000001</v>
      </c>
      <c r="L126" s="34">
        <v>24</v>
      </c>
      <c r="M126" s="32">
        <v>0</v>
      </c>
      <c r="N126" s="34">
        <v>5</v>
      </c>
      <c r="O126" s="32">
        <v>1.5189999999999999</v>
      </c>
      <c r="P126" s="34">
        <v>10</v>
      </c>
      <c r="Q126" s="32">
        <v>1.4490000000000001</v>
      </c>
      <c r="R126" s="36">
        <v>24</v>
      </c>
      <c r="S126" s="38">
        <v>21</v>
      </c>
      <c r="T126" s="34" t="s">
        <v>27</v>
      </c>
      <c r="U126" s="32">
        <v>1.6759999999999999</v>
      </c>
      <c r="V126" s="34">
        <v>25</v>
      </c>
      <c r="W126" s="32">
        <v>0</v>
      </c>
      <c r="X126" s="34">
        <v>4</v>
      </c>
      <c r="Y126" s="32">
        <v>1.669</v>
      </c>
      <c r="Z126" s="34">
        <v>31</v>
      </c>
      <c r="AA126" s="32">
        <v>1.6759999999999999</v>
      </c>
      <c r="AB126" s="36">
        <v>25</v>
      </c>
      <c r="AC126" s="32">
        <v>1.7929999999999999</v>
      </c>
      <c r="AD126" s="34">
        <v>21</v>
      </c>
      <c r="AE126" s="32">
        <v>0</v>
      </c>
      <c r="AF126" s="34">
        <v>7</v>
      </c>
      <c r="AG126" s="32">
        <v>1.8</v>
      </c>
      <c r="AH126" s="33">
        <v>13</v>
      </c>
      <c r="AI126" s="32">
        <v>1.7929999999999999</v>
      </c>
      <c r="AJ126" s="54">
        <v>21</v>
      </c>
    </row>
    <row r="127" spans="1:36" ht="14.1" customHeight="1" x14ac:dyDescent="0.15">
      <c r="A127" s="38">
        <v>22</v>
      </c>
      <c r="B127" s="53" t="s">
        <v>26</v>
      </c>
      <c r="C127" s="32">
        <v>16.573</v>
      </c>
      <c r="D127" s="34">
        <v>7</v>
      </c>
      <c r="E127" s="32">
        <v>0</v>
      </c>
      <c r="F127" s="34">
        <v>3</v>
      </c>
      <c r="G127" s="32">
        <v>14.516</v>
      </c>
      <c r="H127" s="34">
        <v>10</v>
      </c>
      <c r="I127" s="32">
        <v>16.573</v>
      </c>
      <c r="J127" s="36">
        <v>7</v>
      </c>
      <c r="K127" s="32">
        <v>1.403</v>
      </c>
      <c r="L127" s="34">
        <v>30</v>
      </c>
      <c r="M127" s="32">
        <v>0</v>
      </c>
      <c r="N127" s="34">
        <v>5</v>
      </c>
      <c r="O127" s="32">
        <v>1.391</v>
      </c>
      <c r="P127" s="34">
        <v>30</v>
      </c>
      <c r="Q127" s="32">
        <v>1.403</v>
      </c>
      <c r="R127" s="36">
        <v>30</v>
      </c>
      <c r="S127" s="38">
        <v>22</v>
      </c>
      <c r="T127" s="34" t="s">
        <v>26</v>
      </c>
      <c r="U127" s="32">
        <v>1.651</v>
      </c>
      <c r="V127" s="34">
        <v>31</v>
      </c>
      <c r="W127" s="32">
        <v>0</v>
      </c>
      <c r="X127" s="34">
        <v>4</v>
      </c>
      <c r="Y127" s="32">
        <v>1.6539999999999999</v>
      </c>
      <c r="Z127" s="34">
        <v>32</v>
      </c>
      <c r="AA127" s="32">
        <v>1.651</v>
      </c>
      <c r="AB127" s="36">
        <v>31</v>
      </c>
      <c r="AC127" s="32">
        <v>1.742</v>
      </c>
      <c r="AD127" s="34">
        <v>28</v>
      </c>
      <c r="AE127" s="32">
        <v>0</v>
      </c>
      <c r="AF127" s="34">
        <v>7</v>
      </c>
      <c r="AG127" s="32">
        <v>1.6419999999999999</v>
      </c>
      <c r="AH127" s="33">
        <v>32</v>
      </c>
      <c r="AI127" s="32">
        <v>1.742</v>
      </c>
      <c r="AJ127" s="54">
        <v>28</v>
      </c>
    </row>
    <row r="128" spans="1:36" ht="14.1" customHeight="1" x14ac:dyDescent="0.15">
      <c r="A128" s="38">
        <v>23</v>
      </c>
      <c r="B128" s="53" t="s">
        <v>25</v>
      </c>
      <c r="C128" s="32">
        <v>15.436</v>
      </c>
      <c r="D128" s="34">
        <v>14</v>
      </c>
      <c r="E128" s="32">
        <v>0</v>
      </c>
      <c r="F128" s="34">
        <v>3</v>
      </c>
      <c r="G128" s="32">
        <v>13.516</v>
      </c>
      <c r="H128" s="34">
        <v>20</v>
      </c>
      <c r="I128" s="32">
        <v>15.436</v>
      </c>
      <c r="J128" s="36">
        <v>14</v>
      </c>
      <c r="K128" s="32">
        <v>1.482</v>
      </c>
      <c r="L128" s="34">
        <v>16</v>
      </c>
      <c r="M128" s="32">
        <v>0</v>
      </c>
      <c r="N128" s="34">
        <v>5</v>
      </c>
      <c r="O128" s="32">
        <v>1.484</v>
      </c>
      <c r="P128" s="34">
        <v>18</v>
      </c>
      <c r="Q128" s="32">
        <v>1.482</v>
      </c>
      <c r="R128" s="36">
        <v>16</v>
      </c>
      <c r="S128" s="38">
        <v>23</v>
      </c>
      <c r="T128" s="34" t="s">
        <v>25</v>
      </c>
      <c r="U128" s="32">
        <v>1.748</v>
      </c>
      <c r="V128" s="34">
        <v>10</v>
      </c>
      <c r="W128" s="32">
        <v>0</v>
      </c>
      <c r="X128" s="34">
        <v>4</v>
      </c>
      <c r="Y128" s="32">
        <v>1.796</v>
      </c>
      <c r="Z128" s="34">
        <v>8</v>
      </c>
      <c r="AA128" s="32">
        <v>1.748</v>
      </c>
      <c r="AB128" s="36">
        <v>10</v>
      </c>
      <c r="AC128" s="32">
        <v>1.8169999999999999</v>
      </c>
      <c r="AD128" s="34">
        <v>13</v>
      </c>
      <c r="AE128" s="32">
        <v>0</v>
      </c>
      <c r="AF128" s="34">
        <v>7</v>
      </c>
      <c r="AG128" s="32">
        <v>1.77</v>
      </c>
      <c r="AH128" s="33">
        <v>17</v>
      </c>
      <c r="AI128" s="32">
        <v>1.8169999999999999</v>
      </c>
      <c r="AJ128" s="54">
        <v>13</v>
      </c>
    </row>
    <row r="129" spans="1:36" ht="14.1" customHeight="1" x14ac:dyDescent="0.15">
      <c r="A129" s="38">
        <v>24</v>
      </c>
      <c r="B129" s="53" t="s">
        <v>24</v>
      </c>
      <c r="C129" s="32">
        <v>14.503</v>
      </c>
      <c r="D129" s="34">
        <v>27</v>
      </c>
      <c r="E129" s="32">
        <v>0</v>
      </c>
      <c r="F129" s="34">
        <v>3</v>
      </c>
      <c r="G129" s="32">
        <v>12.86</v>
      </c>
      <c r="H129" s="34">
        <v>30</v>
      </c>
      <c r="I129" s="32">
        <v>14.503</v>
      </c>
      <c r="J129" s="36">
        <v>27</v>
      </c>
      <c r="K129" s="32">
        <v>1.4630000000000001</v>
      </c>
      <c r="L129" s="34">
        <v>21</v>
      </c>
      <c r="M129" s="32">
        <v>0</v>
      </c>
      <c r="N129" s="34">
        <v>5</v>
      </c>
      <c r="O129" s="32">
        <v>1.46</v>
      </c>
      <c r="P129" s="34">
        <v>22</v>
      </c>
      <c r="Q129" s="32">
        <v>1.4630000000000001</v>
      </c>
      <c r="R129" s="36">
        <v>21</v>
      </c>
      <c r="S129" s="38">
        <v>24</v>
      </c>
      <c r="T129" s="34" t="s">
        <v>24</v>
      </c>
      <c r="U129" s="32">
        <v>1.865</v>
      </c>
      <c r="V129" s="34">
        <v>1</v>
      </c>
      <c r="W129" s="32">
        <v>0</v>
      </c>
      <c r="X129" s="34">
        <v>4</v>
      </c>
      <c r="Y129" s="32">
        <v>1.9279999999999999</v>
      </c>
      <c r="Z129" s="34">
        <v>2</v>
      </c>
      <c r="AA129" s="32">
        <v>1.865</v>
      </c>
      <c r="AB129" s="36">
        <v>1</v>
      </c>
      <c r="AC129" s="32">
        <v>1.8009999999999999</v>
      </c>
      <c r="AD129" s="34">
        <v>16</v>
      </c>
      <c r="AE129" s="32">
        <v>0</v>
      </c>
      <c r="AF129" s="34">
        <v>7</v>
      </c>
      <c r="AG129" s="32">
        <v>1.7609999999999999</v>
      </c>
      <c r="AH129" s="33">
        <v>18</v>
      </c>
      <c r="AI129" s="32">
        <v>1.8009999999999999</v>
      </c>
      <c r="AJ129" s="54">
        <v>16</v>
      </c>
    </row>
    <row r="130" spans="1:36" ht="14.1" customHeight="1" x14ac:dyDescent="0.15">
      <c r="A130" s="38">
        <v>25</v>
      </c>
      <c r="B130" s="53" t="s">
        <v>23</v>
      </c>
      <c r="C130" s="32">
        <v>14.281000000000001</v>
      </c>
      <c r="D130" s="34">
        <v>29</v>
      </c>
      <c r="E130" s="32">
        <v>0</v>
      </c>
      <c r="F130" s="34">
        <v>3</v>
      </c>
      <c r="G130" s="32">
        <v>14.324</v>
      </c>
      <c r="H130" s="34">
        <v>12</v>
      </c>
      <c r="I130" s="32">
        <v>14.281000000000001</v>
      </c>
      <c r="J130" s="36">
        <v>29</v>
      </c>
      <c r="K130" s="32">
        <v>1.395</v>
      </c>
      <c r="L130" s="34">
        <v>31</v>
      </c>
      <c r="M130" s="32">
        <v>0</v>
      </c>
      <c r="N130" s="34">
        <v>5</v>
      </c>
      <c r="O130" s="32">
        <v>1.3879999999999999</v>
      </c>
      <c r="P130" s="34">
        <v>31</v>
      </c>
      <c r="Q130" s="32">
        <v>1.395</v>
      </c>
      <c r="R130" s="36">
        <v>31</v>
      </c>
      <c r="S130" s="38">
        <v>25</v>
      </c>
      <c r="T130" s="34" t="s">
        <v>23</v>
      </c>
      <c r="U130" s="32">
        <v>1.845</v>
      </c>
      <c r="V130" s="34">
        <v>2</v>
      </c>
      <c r="W130" s="32">
        <v>0</v>
      </c>
      <c r="X130" s="34">
        <v>4</v>
      </c>
      <c r="Y130" s="32">
        <v>1.9630000000000001</v>
      </c>
      <c r="Z130" s="34">
        <v>1</v>
      </c>
      <c r="AA130" s="32">
        <v>1.845</v>
      </c>
      <c r="AB130" s="36">
        <v>2</v>
      </c>
      <c r="AC130" s="32">
        <v>1.696</v>
      </c>
      <c r="AD130" s="34">
        <v>33</v>
      </c>
      <c r="AE130" s="32">
        <v>0</v>
      </c>
      <c r="AF130" s="34">
        <v>7</v>
      </c>
      <c r="AG130" s="32">
        <v>1.7170000000000001</v>
      </c>
      <c r="AH130" s="33">
        <v>29</v>
      </c>
      <c r="AI130" s="32">
        <v>1.696</v>
      </c>
      <c r="AJ130" s="54">
        <v>33</v>
      </c>
    </row>
    <row r="131" spans="1:36" ht="14.1" customHeight="1" x14ac:dyDescent="0.15">
      <c r="A131" s="38">
        <v>26</v>
      </c>
      <c r="B131" s="53" t="s">
        <v>22</v>
      </c>
      <c r="C131" s="32">
        <v>15.428000000000001</v>
      </c>
      <c r="D131" s="34">
        <v>15</v>
      </c>
      <c r="E131" s="32">
        <v>0</v>
      </c>
      <c r="F131" s="34">
        <v>3</v>
      </c>
      <c r="G131" s="32">
        <v>11.728999999999999</v>
      </c>
      <c r="H131" s="34">
        <v>33</v>
      </c>
      <c r="I131" s="32">
        <v>15.428000000000001</v>
      </c>
      <c r="J131" s="36">
        <v>15</v>
      </c>
      <c r="K131" s="32">
        <v>1.4039999999999999</v>
      </c>
      <c r="L131" s="34">
        <v>29</v>
      </c>
      <c r="M131" s="32">
        <v>0</v>
      </c>
      <c r="N131" s="34">
        <v>5</v>
      </c>
      <c r="O131" s="32">
        <v>1.373</v>
      </c>
      <c r="P131" s="34">
        <v>32</v>
      </c>
      <c r="Q131" s="32">
        <v>1.4039999999999999</v>
      </c>
      <c r="R131" s="36">
        <v>29</v>
      </c>
      <c r="S131" s="38">
        <v>26</v>
      </c>
      <c r="T131" s="34" t="s">
        <v>22</v>
      </c>
      <c r="U131" s="32">
        <v>1.784</v>
      </c>
      <c r="V131" s="34">
        <v>6</v>
      </c>
      <c r="W131" s="32">
        <v>0</v>
      </c>
      <c r="X131" s="34">
        <v>4</v>
      </c>
      <c r="Y131" s="32">
        <v>1.8360000000000001</v>
      </c>
      <c r="Z131" s="34">
        <v>5</v>
      </c>
      <c r="AA131" s="32">
        <v>1.784</v>
      </c>
      <c r="AB131" s="36">
        <v>6</v>
      </c>
      <c r="AC131" s="32">
        <v>1.758</v>
      </c>
      <c r="AD131" s="34">
        <v>25</v>
      </c>
      <c r="AE131" s="32">
        <v>0</v>
      </c>
      <c r="AF131" s="34">
        <v>7</v>
      </c>
      <c r="AG131" s="32">
        <v>1.639</v>
      </c>
      <c r="AH131" s="33">
        <v>33</v>
      </c>
      <c r="AI131" s="32">
        <v>1.758</v>
      </c>
      <c r="AJ131" s="54">
        <v>25</v>
      </c>
    </row>
    <row r="132" spans="1:36" ht="14.1" customHeight="1" x14ac:dyDescent="0.15">
      <c r="A132" s="38">
        <v>27</v>
      </c>
      <c r="B132" s="53" t="s">
        <v>21</v>
      </c>
      <c r="C132" s="32">
        <v>18.135999999999999</v>
      </c>
      <c r="D132" s="34">
        <v>2</v>
      </c>
      <c r="E132" s="32">
        <v>0</v>
      </c>
      <c r="F132" s="34">
        <v>3</v>
      </c>
      <c r="G132" s="32">
        <v>17.835000000000001</v>
      </c>
      <c r="H132" s="34">
        <v>1</v>
      </c>
      <c r="I132" s="32">
        <v>18.135999999999999</v>
      </c>
      <c r="J132" s="36">
        <v>2</v>
      </c>
      <c r="K132" s="32">
        <v>1.4379999999999999</v>
      </c>
      <c r="L132" s="34">
        <v>25</v>
      </c>
      <c r="M132" s="32">
        <v>0</v>
      </c>
      <c r="N132" s="34">
        <v>5</v>
      </c>
      <c r="O132" s="32">
        <v>1.401</v>
      </c>
      <c r="P132" s="34">
        <v>29</v>
      </c>
      <c r="Q132" s="32">
        <v>1.4379999999999999</v>
      </c>
      <c r="R132" s="36">
        <v>25</v>
      </c>
      <c r="S132" s="38">
        <v>27</v>
      </c>
      <c r="T132" s="34" t="s">
        <v>21</v>
      </c>
      <c r="U132" s="32">
        <v>1.8149999999999999</v>
      </c>
      <c r="V132" s="34">
        <v>3</v>
      </c>
      <c r="W132" s="32">
        <v>0</v>
      </c>
      <c r="X132" s="34">
        <v>4</v>
      </c>
      <c r="Y132" s="32">
        <v>1.843</v>
      </c>
      <c r="Z132" s="34">
        <v>3</v>
      </c>
      <c r="AA132" s="32">
        <v>1.8149999999999999</v>
      </c>
      <c r="AB132" s="36">
        <v>3</v>
      </c>
      <c r="AC132" s="32">
        <v>1.9379999999999999</v>
      </c>
      <c r="AD132" s="34">
        <v>2</v>
      </c>
      <c r="AE132" s="32">
        <v>0</v>
      </c>
      <c r="AF132" s="34">
        <v>7</v>
      </c>
      <c r="AG132" s="32">
        <v>1.8740000000000001</v>
      </c>
      <c r="AH132" s="33">
        <v>5</v>
      </c>
      <c r="AI132" s="32">
        <v>1.9379999999999999</v>
      </c>
      <c r="AJ132" s="54">
        <v>2</v>
      </c>
    </row>
    <row r="133" spans="1:36" ht="14.1" customHeight="1" x14ac:dyDescent="0.15">
      <c r="A133" s="38">
        <v>28</v>
      </c>
      <c r="B133" s="53" t="s">
        <v>20</v>
      </c>
      <c r="C133" s="32">
        <v>17.001000000000001</v>
      </c>
      <c r="D133" s="34">
        <v>4</v>
      </c>
      <c r="E133" s="32">
        <v>0</v>
      </c>
      <c r="F133" s="34">
        <v>3</v>
      </c>
      <c r="G133" s="32">
        <v>15.13</v>
      </c>
      <c r="H133" s="34">
        <v>6</v>
      </c>
      <c r="I133" s="32">
        <v>17.001000000000001</v>
      </c>
      <c r="J133" s="36">
        <v>4</v>
      </c>
      <c r="K133" s="32">
        <v>1.4370000000000001</v>
      </c>
      <c r="L133" s="34">
        <v>26</v>
      </c>
      <c r="M133" s="32">
        <v>0</v>
      </c>
      <c r="N133" s="34">
        <v>5</v>
      </c>
      <c r="O133" s="32">
        <v>1.4530000000000001</v>
      </c>
      <c r="P133" s="34">
        <v>24</v>
      </c>
      <c r="Q133" s="32">
        <v>1.4370000000000001</v>
      </c>
      <c r="R133" s="36">
        <v>26</v>
      </c>
      <c r="S133" s="38">
        <v>28</v>
      </c>
      <c r="T133" s="34" t="s">
        <v>20</v>
      </c>
      <c r="U133" s="32">
        <v>1.748</v>
      </c>
      <c r="V133" s="34">
        <v>10</v>
      </c>
      <c r="W133" s="32">
        <v>0</v>
      </c>
      <c r="X133" s="34">
        <v>4</v>
      </c>
      <c r="Y133" s="32">
        <v>1.788</v>
      </c>
      <c r="Z133" s="34">
        <v>10</v>
      </c>
      <c r="AA133" s="32">
        <v>1.748</v>
      </c>
      <c r="AB133" s="36">
        <v>10</v>
      </c>
      <c r="AC133" s="32">
        <v>1.8169999999999999</v>
      </c>
      <c r="AD133" s="34">
        <v>13</v>
      </c>
      <c r="AE133" s="32">
        <v>0</v>
      </c>
      <c r="AF133" s="34">
        <v>7</v>
      </c>
      <c r="AG133" s="32">
        <v>1.76</v>
      </c>
      <c r="AH133" s="33">
        <v>19</v>
      </c>
      <c r="AI133" s="32">
        <v>1.8169999999999999</v>
      </c>
      <c r="AJ133" s="31">
        <v>13</v>
      </c>
    </row>
    <row r="134" spans="1:36" ht="14.1" customHeight="1" x14ac:dyDescent="0.15">
      <c r="A134" s="38">
        <v>29</v>
      </c>
      <c r="B134" s="53" t="s">
        <v>19</v>
      </c>
      <c r="C134" s="32">
        <v>16.920999999999999</v>
      </c>
      <c r="D134" s="34">
        <v>6</v>
      </c>
      <c r="E134" s="32">
        <v>0</v>
      </c>
      <c r="F134" s="34">
        <v>3</v>
      </c>
      <c r="G134" s="32">
        <v>15.574999999999999</v>
      </c>
      <c r="H134" s="34">
        <v>3</v>
      </c>
      <c r="I134" s="32">
        <v>16.920999999999999</v>
      </c>
      <c r="J134" s="36">
        <v>6</v>
      </c>
      <c r="K134" s="32">
        <v>1.4710000000000001</v>
      </c>
      <c r="L134" s="34">
        <v>20</v>
      </c>
      <c r="M134" s="32">
        <v>0</v>
      </c>
      <c r="N134" s="34">
        <v>5</v>
      </c>
      <c r="O134" s="32">
        <v>1.4810000000000001</v>
      </c>
      <c r="P134" s="34">
        <v>19</v>
      </c>
      <c r="Q134" s="32">
        <v>1.4710000000000001</v>
      </c>
      <c r="R134" s="36">
        <v>20</v>
      </c>
      <c r="S134" s="38">
        <v>29</v>
      </c>
      <c r="T134" s="34" t="s">
        <v>19</v>
      </c>
      <c r="U134" s="32">
        <v>1.6859999999999999</v>
      </c>
      <c r="V134" s="34">
        <v>24</v>
      </c>
      <c r="W134" s="32">
        <v>0</v>
      </c>
      <c r="X134" s="34">
        <v>4</v>
      </c>
      <c r="Y134" s="32">
        <v>1.677</v>
      </c>
      <c r="Z134" s="34">
        <v>27</v>
      </c>
      <c r="AA134" s="32">
        <v>1.6859999999999999</v>
      </c>
      <c r="AB134" s="36">
        <v>24</v>
      </c>
      <c r="AC134" s="32">
        <v>1.927</v>
      </c>
      <c r="AD134" s="34">
        <v>3</v>
      </c>
      <c r="AE134" s="32">
        <v>0</v>
      </c>
      <c r="AF134" s="34">
        <v>7</v>
      </c>
      <c r="AG134" s="32">
        <v>1.887</v>
      </c>
      <c r="AH134" s="33">
        <v>3</v>
      </c>
      <c r="AI134" s="32">
        <v>1.927</v>
      </c>
      <c r="AJ134" s="31">
        <v>3</v>
      </c>
    </row>
    <row r="135" spans="1:36" ht="14.1" customHeight="1" x14ac:dyDescent="0.15">
      <c r="A135" s="38">
        <v>30</v>
      </c>
      <c r="B135" s="53" t="s">
        <v>18</v>
      </c>
      <c r="C135" s="32">
        <v>16.513999999999999</v>
      </c>
      <c r="D135" s="34">
        <v>9</v>
      </c>
      <c r="E135" s="32">
        <v>0</v>
      </c>
      <c r="F135" s="34">
        <v>3</v>
      </c>
      <c r="G135" s="32">
        <v>13.754</v>
      </c>
      <c r="H135" s="34">
        <v>15</v>
      </c>
      <c r="I135" s="32">
        <v>16.513999999999999</v>
      </c>
      <c r="J135" s="36">
        <v>9</v>
      </c>
      <c r="K135" s="32">
        <v>1.391</v>
      </c>
      <c r="L135" s="34">
        <v>32</v>
      </c>
      <c r="M135" s="32">
        <v>0</v>
      </c>
      <c r="N135" s="34">
        <v>5</v>
      </c>
      <c r="O135" s="32">
        <v>1.4019999999999999</v>
      </c>
      <c r="P135" s="34">
        <v>28</v>
      </c>
      <c r="Q135" s="32">
        <v>1.391</v>
      </c>
      <c r="R135" s="36">
        <v>32</v>
      </c>
      <c r="S135" s="38">
        <v>30</v>
      </c>
      <c r="T135" s="34" t="s">
        <v>18</v>
      </c>
      <c r="U135" s="32">
        <v>1.6990000000000001</v>
      </c>
      <c r="V135" s="34">
        <v>22</v>
      </c>
      <c r="W135" s="32">
        <v>0</v>
      </c>
      <c r="X135" s="34">
        <v>4</v>
      </c>
      <c r="Y135" s="32">
        <v>1.734</v>
      </c>
      <c r="Z135" s="34">
        <v>19</v>
      </c>
      <c r="AA135" s="32">
        <v>1.6990000000000001</v>
      </c>
      <c r="AB135" s="36">
        <v>22</v>
      </c>
      <c r="AC135" s="32">
        <v>1.8169999999999999</v>
      </c>
      <c r="AD135" s="34">
        <v>13</v>
      </c>
      <c r="AE135" s="32">
        <v>0</v>
      </c>
      <c r="AF135" s="34">
        <v>7</v>
      </c>
      <c r="AG135" s="32">
        <v>1.7350000000000001</v>
      </c>
      <c r="AH135" s="33">
        <v>26</v>
      </c>
      <c r="AI135" s="32">
        <v>1.8169999999999999</v>
      </c>
      <c r="AJ135" s="31">
        <v>13</v>
      </c>
    </row>
    <row r="136" spans="1:36" ht="14.1" customHeight="1" x14ac:dyDescent="0.15">
      <c r="A136" s="38">
        <v>31</v>
      </c>
      <c r="B136" s="53" t="s">
        <v>17</v>
      </c>
      <c r="C136" s="32">
        <v>14.632999999999999</v>
      </c>
      <c r="D136" s="34">
        <v>26</v>
      </c>
      <c r="E136" s="32">
        <v>0</v>
      </c>
      <c r="F136" s="34">
        <v>3</v>
      </c>
      <c r="G136" s="32">
        <v>13.298999999999999</v>
      </c>
      <c r="H136" s="34">
        <v>26</v>
      </c>
      <c r="I136" s="32">
        <v>14.632999999999999</v>
      </c>
      <c r="J136" s="36">
        <v>26</v>
      </c>
      <c r="K136" s="32">
        <v>1.355</v>
      </c>
      <c r="L136" s="34">
        <v>33</v>
      </c>
      <c r="M136" s="32">
        <v>0</v>
      </c>
      <c r="N136" s="34">
        <v>5</v>
      </c>
      <c r="O136" s="32">
        <v>1.335</v>
      </c>
      <c r="P136" s="34">
        <v>33</v>
      </c>
      <c r="Q136" s="32">
        <v>1.355</v>
      </c>
      <c r="R136" s="36">
        <v>33</v>
      </c>
      <c r="S136" s="38">
        <v>31</v>
      </c>
      <c r="T136" s="34" t="s">
        <v>17</v>
      </c>
      <c r="U136" s="32">
        <v>1.7190000000000001</v>
      </c>
      <c r="V136" s="34">
        <v>17</v>
      </c>
      <c r="W136" s="32">
        <v>0</v>
      </c>
      <c r="X136" s="34">
        <v>4</v>
      </c>
      <c r="Y136" s="32">
        <v>1.7609999999999999</v>
      </c>
      <c r="Z136" s="34">
        <v>14</v>
      </c>
      <c r="AA136" s="32">
        <v>1.7190000000000001</v>
      </c>
      <c r="AB136" s="36">
        <v>17</v>
      </c>
      <c r="AC136" s="32">
        <v>1.726</v>
      </c>
      <c r="AD136" s="34">
        <v>32</v>
      </c>
      <c r="AE136" s="32">
        <v>0</v>
      </c>
      <c r="AF136" s="34">
        <v>7</v>
      </c>
      <c r="AG136" s="32">
        <v>1.68</v>
      </c>
      <c r="AH136" s="33">
        <v>31</v>
      </c>
      <c r="AI136" s="32">
        <v>1.726</v>
      </c>
      <c r="AJ136" s="31">
        <v>32</v>
      </c>
    </row>
    <row r="137" spans="1:36" ht="14.1" customHeight="1" x14ac:dyDescent="0.15">
      <c r="A137" s="38">
        <v>32</v>
      </c>
      <c r="B137" s="53" t="s">
        <v>16</v>
      </c>
      <c r="C137" s="32">
        <v>15.715</v>
      </c>
      <c r="D137" s="34">
        <v>12</v>
      </c>
      <c r="E137" s="32">
        <v>0</v>
      </c>
      <c r="F137" s="34">
        <v>3</v>
      </c>
      <c r="G137" s="32">
        <v>13.663</v>
      </c>
      <c r="H137" s="34">
        <v>18</v>
      </c>
      <c r="I137" s="32">
        <v>15.715</v>
      </c>
      <c r="J137" s="36">
        <v>12</v>
      </c>
      <c r="K137" s="32">
        <v>1.5</v>
      </c>
      <c r="L137" s="34">
        <v>11</v>
      </c>
      <c r="M137" s="32">
        <v>0</v>
      </c>
      <c r="N137" s="34">
        <v>5</v>
      </c>
      <c r="O137" s="32">
        <v>1.504</v>
      </c>
      <c r="P137" s="34">
        <v>16</v>
      </c>
      <c r="Q137" s="32">
        <v>1.5</v>
      </c>
      <c r="R137" s="36">
        <v>11</v>
      </c>
      <c r="S137" s="38">
        <v>32</v>
      </c>
      <c r="T137" s="34" t="s">
        <v>16</v>
      </c>
      <c r="U137" s="32">
        <v>1.766</v>
      </c>
      <c r="V137" s="34">
        <v>8</v>
      </c>
      <c r="W137" s="32">
        <v>0</v>
      </c>
      <c r="X137" s="34">
        <v>4</v>
      </c>
      <c r="Y137" s="32">
        <v>1.7769999999999999</v>
      </c>
      <c r="Z137" s="34">
        <v>13</v>
      </c>
      <c r="AA137" s="32">
        <v>1.766</v>
      </c>
      <c r="AB137" s="36">
        <v>8</v>
      </c>
      <c r="AC137" s="32">
        <v>1.885</v>
      </c>
      <c r="AD137" s="34">
        <v>5</v>
      </c>
      <c r="AE137" s="32">
        <v>0</v>
      </c>
      <c r="AF137" s="34">
        <v>7</v>
      </c>
      <c r="AG137" s="32">
        <v>1.8129999999999999</v>
      </c>
      <c r="AH137" s="33">
        <v>10</v>
      </c>
      <c r="AI137" s="32">
        <v>1.885</v>
      </c>
      <c r="AJ137" s="31">
        <v>5</v>
      </c>
    </row>
    <row r="138" spans="1:36" ht="14.1" customHeight="1" thickBot="1" x14ac:dyDescent="0.2">
      <c r="A138" s="51">
        <v>33</v>
      </c>
      <c r="B138" s="52" t="s">
        <v>15</v>
      </c>
      <c r="C138" s="16">
        <v>19.96</v>
      </c>
      <c r="D138" s="24">
        <v>1</v>
      </c>
      <c r="E138" s="16">
        <v>0</v>
      </c>
      <c r="F138" s="24">
        <v>3</v>
      </c>
      <c r="G138" s="16">
        <v>17.125</v>
      </c>
      <c r="H138" s="24">
        <v>2</v>
      </c>
      <c r="I138" s="22">
        <v>19.96</v>
      </c>
      <c r="J138" s="26">
        <v>1</v>
      </c>
      <c r="K138" s="16">
        <v>1.4530000000000001</v>
      </c>
      <c r="L138" s="24">
        <v>22</v>
      </c>
      <c r="M138" s="16">
        <v>0</v>
      </c>
      <c r="N138" s="24">
        <v>5</v>
      </c>
      <c r="O138" s="16">
        <v>1.5089999999999999</v>
      </c>
      <c r="P138" s="24">
        <v>14</v>
      </c>
      <c r="Q138" s="22">
        <v>1.4530000000000001</v>
      </c>
      <c r="R138" s="26">
        <v>22</v>
      </c>
      <c r="S138" s="51">
        <v>33</v>
      </c>
      <c r="T138" s="24" t="s">
        <v>15</v>
      </c>
      <c r="U138" s="16">
        <v>1.655</v>
      </c>
      <c r="V138" s="24">
        <v>30</v>
      </c>
      <c r="W138" s="16">
        <v>0</v>
      </c>
      <c r="X138" s="24">
        <v>4</v>
      </c>
      <c r="Y138" s="16">
        <v>1.7250000000000001</v>
      </c>
      <c r="Z138" s="24">
        <v>23</v>
      </c>
      <c r="AA138" s="22">
        <v>1.655</v>
      </c>
      <c r="AB138" s="26">
        <v>30</v>
      </c>
      <c r="AC138" s="16">
        <v>2.0630000000000002</v>
      </c>
      <c r="AD138" s="24">
        <v>1</v>
      </c>
      <c r="AE138" s="16">
        <v>0</v>
      </c>
      <c r="AF138" s="24">
        <v>7</v>
      </c>
      <c r="AG138" s="16">
        <v>1.9570000000000001</v>
      </c>
      <c r="AH138" s="23">
        <v>1</v>
      </c>
      <c r="AI138" s="22">
        <v>2.0630000000000002</v>
      </c>
      <c r="AJ138" s="21">
        <v>1</v>
      </c>
    </row>
    <row r="139" spans="1:36" ht="14.1" customHeight="1" thickTop="1" x14ac:dyDescent="0.15">
      <c r="A139" s="48">
        <v>301</v>
      </c>
      <c r="B139" s="40" t="s">
        <v>14</v>
      </c>
      <c r="C139" s="43">
        <v>9.2509999999999994</v>
      </c>
      <c r="D139" s="44">
        <v>4</v>
      </c>
      <c r="E139" s="49" t="s">
        <v>79</v>
      </c>
      <c r="F139" s="49" t="s">
        <v>79</v>
      </c>
      <c r="G139" s="43">
        <v>9.7769999999999992</v>
      </c>
      <c r="H139" s="44">
        <v>5</v>
      </c>
      <c r="I139" s="41">
        <v>9.2509999999999994</v>
      </c>
      <c r="J139" s="47">
        <v>4</v>
      </c>
      <c r="K139" s="43">
        <v>1.361</v>
      </c>
      <c r="L139" s="44">
        <v>5</v>
      </c>
      <c r="M139" s="45" t="s">
        <v>79</v>
      </c>
      <c r="N139" s="45" t="s">
        <v>79</v>
      </c>
      <c r="O139" s="43">
        <v>1.399</v>
      </c>
      <c r="P139" s="44">
        <v>6</v>
      </c>
      <c r="Q139" s="41">
        <v>1.361</v>
      </c>
      <c r="R139" s="47">
        <v>5</v>
      </c>
      <c r="S139" s="48">
        <v>301</v>
      </c>
      <c r="T139" s="37" t="s">
        <v>14</v>
      </c>
      <c r="U139" s="43">
        <v>1.5129999999999999</v>
      </c>
      <c r="V139" s="44">
        <v>5</v>
      </c>
      <c r="W139" s="45" t="s">
        <v>79</v>
      </c>
      <c r="X139" s="45" t="s">
        <v>79</v>
      </c>
      <c r="Y139" s="43">
        <v>1.5589999999999999</v>
      </c>
      <c r="Z139" s="44">
        <v>6</v>
      </c>
      <c r="AA139" s="41">
        <v>1.5129999999999999</v>
      </c>
      <c r="AB139" s="47">
        <v>5</v>
      </c>
      <c r="AC139" s="43">
        <v>1.4850000000000001</v>
      </c>
      <c r="AD139" s="44">
        <v>5</v>
      </c>
      <c r="AE139" s="45" t="s">
        <v>79</v>
      </c>
      <c r="AF139" s="45" t="s">
        <v>79</v>
      </c>
      <c r="AG139" s="43">
        <v>1.5920000000000001</v>
      </c>
      <c r="AH139" s="42">
        <v>5</v>
      </c>
      <c r="AI139" s="41">
        <v>1.4850000000000001</v>
      </c>
      <c r="AJ139" s="31">
        <v>5</v>
      </c>
    </row>
    <row r="140" spans="1:36" ht="14.1" customHeight="1" x14ac:dyDescent="0.15">
      <c r="A140" s="38">
        <v>302</v>
      </c>
      <c r="B140" s="40" t="s">
        <v>73</v>
      </c>
      <c r="C140" s="32">
        <v>8.2219999999999995</v>
      </c>
      <c r="D140" s="34">
        <v>6</v>
      </c>
      <c r="E140" s="39" t="s">
        <v>79</v>
      </c>
      <c r="F140" s="39" t="s">
        <v>79</v>
      </c>
      <c r="G140" s="32">
        <v>9.5589999999999993</v>
      </c>
      <c r="H140" s="34">
        <v>6</v>
      </c>
      <c r="I140" s="32">
        <v>8.2219999999999995</v>
      </c>
      <c r="J140" s="36">
        <v>6</v>
      </c>
      <c r="K140" s="32">
        <v>1.3380000000000001</v>
      </c>
      <c r="L140" s="34">
        <v>6</v>
      </c>
      <c r="M140" s="35" t="s">
        <v>79</v>
      </c>
      <c r="N140" s="35" t="s">
        <v>79</v>
      </c>
      <c r="O140" s="32">
        <v>1.411</v>
      </c>
      <c r="P140" s="34">
        <v>5</v>
      </c>
      <c r="Q140" s="32">
        <v>1.3380000000000001</v>
      </c>
      <c r="R140" s="36">
        <v>6</v>
      </c>
      <c r="S140" s="38">
        <v>302</v>
      </c>
      <c r="T140" s="37" t="s">
        <v>13</v>
      </c>
      <c r="U140" s="32">
        <v>1.4630000000000001</v>
      </c>
      <c r="V140" s="34">
        <v>6</v>
      </c>
      <c r="W140" s="35" t="s">
        <v>79</v>
      </c>
      <c r="X140" s="35" t="s">
        <v>79</v>
      </c>
      <c r="Y140" s="32">
        <v>1.6080000000000001</v>
      </c>
      <c r="Z140" s="34">
        <v>5</v>
      </c>
      <c r="AA140" s="32">
        <v>1.4630000000000001</v>
      </c>
      <c r="AB140" s="36">
        <v>6</v>
      </c>
      <c r="AC140" s="32">
        <v>1.4330000000000001</v>
      </c>
      <c r="AD140" s="34">
        <v>6</v>
      </c>
      <c r="AE140" s="35" t="s">
        <v>79</v>
      </c>
      <c r="AF140" s="35" t="s">
        <v>79</v>
      </c>
      <c r="AG140" s="32">
        <v>1.575</v>
      </c>
      <c r="AH140" s="33">
        <v>6</v>
      </c>
      <c r="AI140" s="32">
        <v>1.4330000000000001</v>
      </c>
      <c r="AJ140" s="31">
        <v>6</v>
      </c>
    </row>
    <row r="141" spans="1:36" ht="14.1" customHeight="1" x14ac:dyDescent="0.15">
      <c r="A141" s="38">
        <v>303</v>
      </c>
      <c r="B141" s="40" t="s">
        <v>72</v>
      </c>
      <c r="C141" s="32">
        <v>9.76</v>
      </c>
      <c r="D141" s="34">
        <v>3</v>
      </c>
      <c r="E141" s="39" t="s">
        <v>79</v>
      </c>
      <c r="F141" s="39" t="s">
        <v>79</v>
      </c>
      <c r="G141" s="32">
        <v>11.206</v>
      </c>
      <c r="H141" s="34">
        <v>3</v>
      </c>
      <c r="I141" s="32">
        <v>9.76</v>
      </c>
      <c r="J141" s="36">
        <v>3</v>
      </c>
      <c r="K141" s="32">
        <v>1.4370000000000001</v>
      </c>
      <c r="L141" s="34">
        <v>1</v>
      </c>
      <c r="M141" s="35" t="s">
        <v>79</v>
      </c>
      <c r="N141" s="35" t="s">
        <v>79</v>
      </c>
      <c r="O141" s="32">
        <v>1.5069999999999999</v>
      </c>
      <c r="P141" s="34">
        <v>3</v>
      </c>
      <c r="Q141" s="32">
        <v>1.4370000000000001</v>
      </c>
      <c r="R141" s="36">
        <v>1</v>
      </c>
      <c r="S141" s="38">
        <v>303</v>
      </c>
      <c r="T141" s="37" t="s">
        <v>11</v>
      </c>
      <c r="U141" s="32">
        <v>1.7130000000000001</v>
      </c>
      <c r="V141" s="34">
        <v>1</v>
      </c>
      <c r="W141" s="35" t="s">
        <v>79</v>
      </c>
      <c r="X141" s="35" t="s">
        <v>79</v>
      </c>
      <c r="Y141" s="32">
        <v>1.8260000000000001</v>
      </c>
      <c r="Z141" s="34">
        <v>1</v>
      </c>
      <c r="AA141" s="32">
        <v>1.7130000000000001</v>
      </c>
      <c r="AB141" s="36">
        <v>1</v>
      </c>
      <c r="AC141" s="32">
        <v>1.6020000000000001</v>
      </c>
      <c r="AD141" s="34">
        <v>1</v>
      </c>
      <c r="AE141" s="35" t="s">
        <v>79</v>
      </c>
      <c r="AF141" s="35" t="s">
        <v>79</v>
      </c>
      <c r="AG141" s="32">
        <v>1.72</v>
      </c>
      <c r="AH141" s="33">
        <v>2</v>
      </c>
      <c r="AI141" s="32">
        <v>1.6020000000000001</v>
      </c>
      <c r="AJ141" s="31">
        <v>1</v>
      </c>
    </row>
    <row r="142" spans="1:36" ht="14.1" customHeight="1" x14ac:dyDescent="0.15">
      <c r="A142" s="38">
        <v>304</v>
      </c>
      <c r="B142" s="40" t="s">
        <v>71</v>
      </c>
      <c r="C142" s="32">
        <v>11.33</v>
      </c>
      <c r="D142" s="34">
        <v>1</v>
      </c>
      <c r="E142" s="39" t="s">
        <v>79</v>
      </c>
      <c r="F142" s="39" t="s">
        <v>79</v>
      </c>
      <c r="G142" s="32">
        <v>12.795</v>
      </c>
      <c r="H142" s="34">
        <v>1</v>
      </c>
      <c r="I142" s="32">
        <v>11.33</v>
      </c>
      <c r="J142" s="36">
        <v>1</v>
      </c>
      <c r="K142" s="32">
        <v>1.37</v>
      </c>
      <c r="L142" s="34">
        <v>4</v>
      </c>
      <c r="M142" s="35" t="s">
        <v>79</v>
      </c>
      <c r="N142" s="35" t="s">
        <v>79</v>
      </c>
      <c r="O142" s="32">
        <v>1.5089999999999999</v>
      </c>
      <c r="P142" s="34">
        <v>2</v>
      </c>
      <c r="Q142" s="32">
        <v>1.37</v>
      </c>
      <c r="R142" s="36">
        <v>4</v>
      </c>
      <c r="S142" s="38">
        <v>304</v>
      </c>
      <c r="T142" s="37" t="s">
        <v>70</v>
      </c>
      <c r="U142" s="32">
        <v>1.5469999999999999</v>
      </c>
      <c r="V142" s="34">
        <v>4</v>
      </c>
      <c r="W142" s="35" t="s">
        <v>79</v>
      </c>
      <c r="X142" s="35" t="s">
        <v>79</v>
      </c>
      <c r="Y142" s="32">
        <v>1.645</v>
      </c>
      <c r="Z142" s="34">
        <v>4</v>
      </c>
      <c r="AA142" s="32">
        <v>1.5469999999999999</v>
      </c>
      <c r="AB142" s="36">
        <v>4</v>
      </c>
      <c r="AC142" s="32">
        <v>1.49</v>
      </c>
      <c r="AD142" s="34">
        <v>4</v>
      </c>
      <c r="AE142" s="35" t="s">
        <v>79</v>
      </c>
      <c r="AF142" s="35" t="s">
        <v>79</v>
      </c>
      <c r="AG142" s="32">
        <v>1.7130000000000001</v>
      </c>
      <c r="AH142" s="33">
        <v>3</v>
      </c>
      <c r="AI142" s="32">
        <v>1.49</v>
      </c>
      <c r="AJ142" s="31">
        <v>4</v>
      </c>
    </row>
    <row r="143" spans="1:36" ht="14.1" customHeight="1" x14ac:dyDescent="0.15">
      <c r="A143" s="38">
        <v>305</v>
      </c>
      <c r="B143" s="40" t="s">
        <v>69</v>
      </c>
      <c r="C143" s="32">
        <v>10.544</v>
      </c>
      <c r="D143" s="34">
        <v>2</v>
      </c>
      <c r="E143" s="39" t="s">
        <v>79</v>
      </c>
      <c r="F143" s="39" t="s">
        <v>79</v>
      </c>
      <c r="G143" s="32">
        <v>11.73</v>
      </c>
      <c r="H143" s="34">
        <v>2</v>
      </c>
      <c r="I143" s="32">
        <v>10.544</v>
      </c>
      <c r="J143" s="36">
        <v>2</v>
      </c>
      <c r="K143" s="32">
        <v>1.38</v>
      </c>
      <c r="L143" s="34">
        <v>3</v>
      </c>
      <c r="M143" s="35" t="s">
        <v>79</v>
      </c>
      <c r="N143" s="35" t="s">
        <v>79</v>
      </c>
      <c r="O143" s="32">
        <v>1.44</v>
      </c>
      <c r="P143" s="34">
        <v>4</v>
      </c>
      <c r="Q143" s="32">
        <v>1.38</v>
      </c>
      <c r="R143" s="36">
        <v>3</v>
      </c>
      <c r="S143" s="38">
        <v>305</v>
      </c>
      <c r="T143" s="37" t="s">
        <v>68</v>
      </c>
      <c r="U143" s="32">
        <v>1.6439999999999999</v>
      </c>
      <c r="V143" s="34">
        <v>3</v>
      </c>
      <c r="W143" s="35" t="s">
        <v>79</v>
      </c>
      <c r="X143" s="35" t="s">
        <v>79</v>
      </c>
      <c r="Y143" s="32">
        <v>1.8120000000000001</v>
      </c>
      <c r="Z143" s="34">
        <v>2</v>
      </c>
      <c r="AA143" s="32">
        <v>1.6439999999999999</v>
      </c>
      <c r="AB143" s="36">
        <v>3</v>
      </c>
      <c r="AC143" s="32">
        <v>1.54</v>
      </c>
      <c r="AD143" s="34">
        <v>3</v>
      </c>
      <c r="AE143" s="35" t="s">
        <v>79</v>
      </c>
      <c r="AF143" s="35" t="s">
        <v>79</v>
      </c>
      <c r="AG143" s="32">
        <v>1.663</v>
      </c>
      <c r="AH143" s="33">
        <v>4</v>
      </c>
      <c r="AI143" s="32">
        <v>1.54</v>
      </c>
      <c r="AJ143" s="31">
        <v>3</v>
      </c>
    </row>
    <row r="144" spans="1:36" ht="14.1" customHeight="1" thickBot="1" x14ac:dyDescent="0.2">
      <c r="A144" s="28">
        <v>306</v>
      </c>
      <c r="B144" s="30" t="s">
        <v>67</v>
      </c>
      <c r="C144" s="16">
        <v>9.1449999999999996</v>
      </c>
      <c r="D144" s="24">
        <v>5</v>
      </c>
      <c r="E144" s="29" t="s">
        <v>79</v>
      </c>
      <c r="F144" s="29" t="s">
        <v>79</v>
      </c>
      <c r="G144" s="16">
        <v>10.834</v>
      </c>
      <c r="H144" s="24">
        <v>4</v>
      </c>
      <c r="I144" s="22">
        <v>9.1449999999999996</v>
      </c>
      <c r="J144" s="26">
        <v>5</v>
      </c>
      <c r="K144" s="16">
        <v>1.419</v>
      </c>
      <c r="L144" s="24">
        <v>2</v>
      </c>
      <c r="M144" s="25" t="s">
        <v>79</v>
      </c>
      <c r="N144" s="25" t="s">
        <v>79</v>
      </c>
      <c r="O144" s="16">
        <v>1.544</v>
      </c>
      <c r="P144" s="24">
        <v>1</v>
      </c>
      <c r="Q144" s="22">
        <v>1.419</v>
      </c>
      <c r="R144" s="26">
        <v>2</v>
      </c>
      <c r="S144" s="28">
        <v>306</v>
      </c>
      <c r="T144" s="27" t="s">
        <v>66</v>
      </c>
      <c r="U144" s="16">
        <v>1.681</v>
      </c>
      <c r="V144" s="24">
        <v>2</v>
      </c>
      <c r="W144" s="25" t="s">
        <v>79</v>
      </c>
      <c r="X144" s="25" t="s">
        <v>79</v>
      </c>
      <c r="Y144" s="16">
        <v>1.806</v>
      </c>
      <c r="Z144" s="24">
        <v>3</v>
      </c>
      <c r="AA144" s="22">
        <v>1.681</v>
      </c>
      <c r="AB144" s="26">
        <v>2</v>
      </c>
      <c r="AC144" s="16">
        <v>1.579</v>
      </c>
      <c r="AD144" s="24">
        <v>2</v>
      </c>
      <c r="AE144" s="25" t="s">
        <v>79</v>
      </c>
      <c r="AF144" s="25" t="s">
        <v>79</v>
      </c>
      <c r="AG144" s="16">
        <v>1.77</v>
      </c>
      <c r="AH144" s="23">
        <v>1</v>
      </c>
      <c r="AI144" s="22">
        <v>1.579</v>
      </c>
      <c r="AJ144" s="21">
        <v>2</v>
      </c>
    </row>
    <row r="145" spans="1:36" ht="14.1" customHeight="1" thickTop="1" thickBot="1" x14ac:dyDescent="0.2">
      <c r="A145" s="354" t="s">
        <v>5</v>
      </c>
      <c r="B145" s="355"/>
      <c r="C145" s="16">
        <v>14.804</v>
      </c>
      <c r="D145" s="29" t="s">
        <v>79</v>
      </c>
      <c r="E145" s="20">
        <v>-6.8529999999999998</v>
      </c>
      <c r="F145" s="29" t="s">
        <v>79</v>
      </c>
      <c r="G145" s="16">
        <v>13.423999999999999</v>
      </c>
      <c r="H145" s="29" t="s">
        <v>79</v>
      </c>
      <c r="I145" s="14">
        <v>14.807</v>
      </c>
      <c r="J145" s="18" t="s">
        <v>79</v>
      </c>
      <c r="K145" s="16">
        <v>1.524</v>
      </c>
      <c r="L145" s="15" t="s">
        <v>79</v>
      </c>
      <c r="M145" s="20">
        <v>15</v>
      </c>
      <c r="N145" s="15" t="s">
        <v>79</v>
      </c>
      <c r="O145" s="16">
        <v>1.546</v>
      </c>
      <c r="P145" s="15" t="s">
        <v>79</v>
      </c>
      <c r="Q145" s="14">
        <v>1.524</v>
      </c>
      <c r="R145" s="13" t="s">
        <v>79</v>
      </c>
      <c r="S145" s="354" t="s">
        <v>65</v>
      </c>
      <c r="T145" s="355"/>
      <c r="U145" s="16">
        <v>1.7130000000000001</v>
      </c>
      <c r="V145" s="15" t="s">
        <v>79</v>
      </c>
      <c r="W145" s="20">
        <v>1.615</v>
      </c>
      <c r="X145" s="15" t="s">
        <v>79</v>
      </c>
      <c r="Y145" s="16">
        <v>1.732</v>
      </c>
      <c r="Z145" s="15" t="s">
        <v>79</v>
      </c>
      <c r="AA145" s="14">
        <v>1.7130000000000001</v>
      </c>
      <c r="AB145" s="13" t="s">
        <v>79</v>
      </c>
      <c r="AC145" s="16">
        <v>1.8069999999999999</v>
      </c>
      <c r="AD145" s="15" t="s">
        <v>79</v>
      </c>
      <c r="AE145" s="20">
        <v>-6.3259999999999996</v>
      </c>
      <c r="AF145" s="15" t="s">
        <v>79</v>
      </c>
      <c r="AG145" s="16">
        <v>1.8009999999999999</v>
      </c>
      <c r="AH145" s="15" t="s">
        <v>79</v>
      </c>
      <c r="AI145" s="63">
        <v>1.8069999999999999</v>
      </c>
      <c r="AJ145" s="13" t="s">
        <v>79</v>
      </c>
    </row>
    <row r="146" spans="1:36" ht="14.1" customHeight="1" thickTop="1" thickBot="1" x14ac:dyDescent="0.2">
      <c r="A146" s="357" t="s">
        <v>4</v>
      </c>
      <c r="B146" s="355"/>
      <c r="C146" s="16">
        <v>15.606999999999999</v>
      </c>
      <c r="D146" s="29" t="s">
        <v>79</v>
      </c>
      <c r="E146" s="16">
        <v>0</v>
      </c>
      <c r="F146" s="29" t="s">
        <v>79</v>
      </c>
      <c r="G146" s="16">
        <v>14.021000000000001</v>
      </c>
      <c r="H146" s="29" t="s">
        <v>79</v>
      </c>
      <c r="I146" s="19">
        <v>15.606999999999999</v>
      </c>
      <c r="J146" s="64" t="s">
        <v>79</v>
      </c>
      <c r="K146" s="16">
        <v>1.4419999999999999</v>
      </c>
      <c r="L146" s="15" t="s">
        <v>79</v>
      </c>
      <c r="M146" s="16">
        <v>0</v>
      </c>
      <c r="N146" s="15" t="s">
        <v>79</v>
      </c>
      <c r="O146" s="16">
        <v>1.4410000000000001</v>
      </c>
      <c r="P146" s="15" t="s">
        <v>79</v>
      </c>
      <c r="Q146" s="63">
        <v>1.4419999999999999</v>
      </c>
      <c r="R146" s="13" t="s">
        <v>79</v>
      </c>
      <c r="S146" s="357" t="s">
        <v>4</v>
      </c>
      <c r="T146" s="355"/>
      <c r="U146" s="16">
        <v>1.712</v>
      </c>
      <c r="V146" s="15" t="s">
        <v>79</v>
      </c>
      <c r="W146" s="16">
        <v>0</v>
      </c>
      <c r="X146" s="15" t="s">
        <v>79</v>
      </c>
      <c r="Y146" s="16">
        <v>1.7430000000000001</v>
      </c>
      <c r="Z146" s="15" t="s">
        <v>79</v>
      </c>
      <c r="AA146" s="19">
        <v>1.712</v>
      </c>
      <c r="AB146" s="13" t="s">
        <v>79</v>
      </c>
      <c r="AC146" s="16">
        <v>1.7909999999999999</v>
      </c>
      <c r="AD146" s="15" t="s">
        <v>79</v>
      </c>
      <c r="AE146" s="16">
        <v>0</v>
      </c>
      <c r="AF146" s="15" t="s">
        <v>79</v>
      </c>
      <c r="AG146" s="16">
        <v>1.7450000000000001</v>
      </c>
      <c r="AH146" s="15" t="s">
        <v>79</v>
      </c>
      <c r="AI146" s="14">
        <v>1.7909999999999999</v>
      </c>
      <c r="AJ146" s="13" t="s">
        <v>79</v>
      </c>
    </row>
    <row r="147" spans="1:36" ht="14.1" customHeight="1" thickTop="1" thickBot="1" x14ac:dyDescent="0.2">
      <c r="A147" s="357" t="s">
        <v>3</v>
      </c>
      <c r="B147" s="355"/>
      <c r="C147" s="16">
        <v>14.839</v>
      </c>
      <c r="D147" s="29" t="s">
        <v>79</v>
      </c>
      <c r="E147" s="16">
        <v>-6.8529999999999998</v>
      </c>
      <c r="F147" s="29" t="s">
        <v>79</v>
      </c>
      <c r="G147" s="16">
        <v>13.45</v>
      </c>
      <c r="H147" s="29" t="s">
        <v>79</v>
      </c>
      <c r="I147" s="63">
        <v>14.840999999999999</v>
      </c>
      <c r="J147" s="64" t="s">
        <v>79</v>
      </c>
      <c r="K147" s="16">
        <v>1.5209999999999999</v>
      </c>
      <c r="L147" s="15" t="s">
        <v>79</v>
      </c>
      <c r="M147" s="16">
        <v>15</v>
      </c>
      <c r="N147" s="15" t="s">
        <v>79</v>
      </c>
      <c r="O147" s="16">
        <v>1.5409999999999999</v>
      </c>
      <c r="P147" s="15" t="s">
        <v>79</v>
      </c>
      <c r="Q147" s="63">
        <v>1.5209999999999999</v>
      </c>
      <c r="R147" s="13" t="s">
        <v>79</v>
      </c>
      <c r="S147" s="357" t="s">
        <v>3</v>
      </c>
      <c r="T147" s="355"/>
      <c r="U147" s="16">
        <v>1.7130000000000001</v>
      </c>
      <c r="V147" s="15" t="s">
        <v>79</v>
      </c>
      <c r="W147" s="16">
        <v>1.615</v>
      </c>
      <c r="X147" s="15" t="s">
        <v>79</v>
      </c>
      <c r="Y147" s="16">
        <v>1.732</v>
      </c>
      <c r="Z147" s="15" t="s">
        <v>79</v>
      </c>
      <c r="AA147" s="63">
        <v>1.7130000000000001</v>
      </c>
      <c r="AB147" s="13" t="s">
        <v>79</v>
      </c>
      <c r="AC147" s="16">
        <v>1.8069999999999999</v>
      </c>
      <c r="AD147" s="15" t="s">
        <v>79</v>
      </c>
      <c r="AE147" s="16">
        <v>-6.3259999999999996</v>
      </c>
      <c r="AF147" s="15" t="s">
        <v>79</v>
      </c>
      <c r="AG147" s="16">
        <v>1.798</v>
      </c>
      <c r="AH147" s="15" t="s">
        <v>79</v>
      </c>
      <c r="AI147" s="19">
        <v>1.8069999999999999</v>
      </c>
      <c r="AJ147" s="13" t="s">
        <v>79</v>
      </c>
    </row>
    <row r="148" spans="1:36" ht="14.1" customHeight="1" thickTop="1" thickBot="1" x14ac:dyDescent="0.2">
      <c r="A148" s="357" t="s">
        <v>64</v>
      </c>
      <c r="B148" s="355"/>
      <c r="C148" s="16">
        <v>9.2409999999999997</v>
      </c>
      <c r="D148" s="29" t="s">
        <v>79</v>
      </c>
      <c r="E148" s="29" t="s">
        <v>79</v>
      </c>
      <c r="F148" s="29" t="s">
        <v>79</v>
      </c>
      <c r="G148" s="16">
        <v>10.773</v>
      </c>
      <c r="H148" s="29" t="s">
        <v>79</v>
      </c>
      <c r="I148" s="63">
        <v>9.2409999999999997</v>
      </c>
      <c r="J148" s="64" t="s">
        <v>79</v>
      </c>
      <c r="K148" s="16">
        <v>1.401</v>
      </c>
      <c r="L148" s="15" t="s">
        <v>79</v>
      </c>
      <c r="M148" s="15" t="s">
        <v>79</v>
      </c>
      <c r="N148" s="15" t="s">
        <v>79</v>
      </c>
      <c r="O148" s="16">
        <v>1.506</v>
      </c>
      <c r="P148" s="15" t="s">
        <v>79</v>
      </c>
      <c r="Q148" s="63">
        <v>1.401</v>
      </c>
      <c r="R148" s="13" t="s">
        <v>79</v>
      </c>
      <c r="S148" s="357" t="s">
        <v>64</v>
      </c>
      <c r="T148" s="355"/>
      <c r="U148" s="16">
        <v>1.6459999999999999</v>
      </c>
      <c r="V148" s="15" t="s">
        <v>79</v>
      </c>
      <c r="W148" s="15" t="s">
        <v>79</v>
      </c>
      <c r="X148" s="15" t="s">
        <v>79</v>
      </c>
      <c r="Y148" s="16">
        <v>1.764</v>
      </c>
      <c r="Z148" s="15" t="s">
        <v>79</v>
      </c>
      <c r="AA148" s="14">
        <v>1.6459999999999999</v>
      </c>
      <c r="AB148" s="13" t="s">
        <v>79</v>
      </c>
      <c r="AC148" s="16">
        <v>1.55</v>
      </c>
      <c r="AD148" s="15" t="s">
        <v>79</v>
      </c>
      <c r="AE148" s="15" t="s">
        <v>79</v>
      </c>
      <c r="AF148" s="15" t="s">
        <v>79</v>
      </c>
      <c r="AG148" s="16">
        <v>1.72</v>
      </c>
      <c r="AH148" s="15" t="s">
        <v>79</v>
      </c>
      <c r="AI148" s="63">
        <v>1.55</v>
      </c>
      <c r="AJ148" s="13" t="s">
        <v>79</v>
      </c>
    </row>
    <row r="149" spans="1:36" ht="14.1" customHeight="1" thickTop="1" thickBot="1" x14ac:dyDescent="0.2">
      <c r="A149" s="360" t="s">
        <v>63</v>
      </c>
      <c r="B149" s="361"/>
      <c r="C149" s="9">
        <v>14.643000000000001</v>
      </c>
      <c r="D149" s="10" t="s">
        <v>79</v>
      </c>
      <c r="E149" s="9">
        <v>-6.8529999999999998</v>
      </c>
      <c r="F149" s="10" t="s">
        <v>79</v>
      </c>
      <c r="G149" s="9">
        <v>13.401</v>
      </c>
      <c r="H149" s="10" t="s">
        <v>79</v>
      </c>
      <c r="I149" s="7">
        <v>14.645</v>
      </c>
      <c r="J149" s="12" t="s">
        <v>79</v>
      </c>
      <c r="K149" s="9">
        <v>1.5149999999999999</v>
      </c>
      <c r="L149" s="8" t="s">
        <v>79</v>
      </c>
      <c r="M149" s="11">
        <v>15</v>
      </c>
      <c r="N149" s="8" t="s">
        <v>79</v>
      </c>
      <c r="O149" s="9">
        <v>1.5409999999999999</v>
      </c>
      <c r="P149" s="8" t="s">
        <v>79</v>
      </c>
      <c r="Q149" s="7">
        <v>1.5149999999999999</v>
      </c>
      <c r="R149" s="6" t="s">
        <v>79</v>
      </c>
      <c r="S149" s="360" t="s">
        <v>62</v>
      </c>
      <c r="T149" s="361"/>
      <c r="U149" s="9">
        <v>1.71</v>
      </c>
      <c r="V149" s="8" t="s">
        <v>79</v>
      </c>
      <c r="W149" s="11">
        <v>1.615</v>
      </c>
      <c r="X149" s="8" t="s">
        <v>79</v>
      </c>
      <c r="Y149" s="9">
        <v>1.7330000000000001</v>
      </c>
      <c r="Z149" s="8" t="s">
        <v>79</v>
      </c>
      <c r="AA149" s="7">
        <v>1.71</v>
      </c>
      <c r="AB149" s="6" t="s">
        <v>79</v>
      </c>
      <c r="AC149" s="9">
        <v>1.7929999999999999</v>
      </c>
      <c r="AD149" s="8" t="s">
        <v>79</v>
      </c>
      <c r="AE149" s="11">
        <v>-6.3259999999999996</v>
      </c>
      <c r="AF149" s="8" t="s">
        <v>79</v>
      </c>
      <c r="AG149" s="9">
        <v>1.7969999999999999</v>
      </c>
      <c r="AH149" s="8" t="s">
        <v>79</v>
      </c>
      <c r="AI149" s="7">
        <v>1.7929999999999999</v>
      </c>
      <c r="AJ149" s="6" t="s">
        <v>79</v>
      </c>
    </row>
    <row r="150" spans="1:36" s="2" customFormat="1" ht="21" customHeight="1" x14ac:dyDescent="0.15">
      <c r="A150" s="62" t="s">
        <v>61</v>
      </c>
      <c r="C150" s="59"/>
      <c r="D150" s="60"/>
      <c r="E150" s="60"/>
      <c r="F150" s="60"/>
      <c r="G150" s="59"/>
      <c r="H150" s="60"/>
      <c r="I150" s="59"/>
      <c r="J150" s="60"/>
      <c r="K150" s="59"/>
      <c r="L150" s="60"/>
      <c r="M150" s="59"/>
      <c r="N150" s="60"/>
      <c r="O150" s="59"/>
      <c r="P150" s="60"/>
      <c r="Q150" s="59"/>
      <c r="R150" s="60"/>
      <c r="S150" s="62" t="s">
        <v>60</v>
      </c>
      <c r="T150" s="60"/>
      <c r="U150" s="59"/>
      <c r="V150" s="60"/>
      <c r="W150" s="60"/>
      <c r="X150" s="60"/>
      <c r="Y150" s="59"/>
      <c r="Z150" s="60"/>
      <c r="AA150" s="59"/>
      <c r="AB150" s="60"/>
      <c r="AC150" s="59"/>
      <c r="AD150" s="60"/>
      <c r="AE150" s="60"/>
      <c r="AF150" s="60"/>
      <c r="AG150" s="59"/>
      <c r="AH150" s="60"/>
      <c r="AI150" s="59"/>
      <c r="AJ150" s="60"/>
    </row>
    <row r="151" spans="1:36" s="2" customFormat="1" ht="7.5" customHeight="1" thickBot="1" x14ac:dyDescent="0.2">
      <c r="A151" s="61"/>
      <c r="C151" s="59"/>
      <c r="D151" s="60"/>
      <c r="E151" s="60"/>
      <c r="F151" s="60"/>
      <c r="G151" s="59"/>
      <c r="H151" s="60"/>
      <c r="I151" s="59"/>
      <c r="J151" s="60"/>
      <c r="K151" s="59"/>
      <c r="L151" s="60"/>
      <c r="M151" s="59"/>
      <c r="N151" s="60"/>
      <c r="O151" s="59"/>
      <c r="P151" s="60"/>
      <c r="Q151" s="59"/>
      <c r="R151" s="60"/>
      <c r="S151" s="60"/>
      <c r="T151" s="60"/>
      <c r="U151" s="59"/>
      <c r="V151" s="60"/>
      <c r="W151" s="60"/>
      <c r="X151" s="60"/>
      <c r="Y151" s="59"/>
      <c r="Z151" s="60"/>
      <c r="AA151" s="59"/>
      <c r="AB151" s="60"/>
      <c r="AC151" s="59"/>
      <c r="AD151" s="60"/>
      <c r="AE151" s="60"/>
      <c r="AF151" s="60"/>
      <c r="AG151" s="59"/>
      <c r="AH151" s="60"/>
      <c r="AI151" s="59"/>
      <c r="AJ151" s="58"/>
    </row>
    <row r="152" spans="1:36" ht="11.25" x14ac:dyDescent="0.15">
      <c r="A152" s="341" t="s">
        <v>57</v>
      </c>
      <c r="B152" s="342"/>
      <c r="C152" s="347" t="s">
        <v>59</v>
      </c>
      <c r="D152" s="348"/>
      <c r="E152" s="348"/>
      <c r="F152" s="348"/>
      <c r="G152" s="348"/>
      <c r="H152" s="348"/>
      <c r="I152" s="348"/>
      <c r="J152" s="350"/>
      <c r="K152" s="349" t="s">
        <v>58</v>
      </c>
      <c r="L152" s="348"/>
      <c r="M152" s="348"/>
      <c r="N152" s="348"/>
      <c r="O152" s="348"/>
      <c r="P152" s="348"/>
      <c r="Q152" s="348"/>
      <c r="R152" s="350"/>
      <c r="S152" s="341" t="s">
        <v>57</v>
      </c>
      <c r="T152" s="351"/>
      <c r="U152" s="347" t="s">
        <v>56</v>
      </c>
      <c r="V152" s="348"/>
      <c r="W152" s="348"/>
      <c r="X152" s="348"/>
      <c r="Y152" s="348"/>
      <c r="Z152" s="348"/>
      <c r="AA152" s="348"/>
      <c r="AB152" s="350"/>
      <c r="AC152" s="348" t="s">
        <v>55</v>
      </c>
      <c r="AD152" s="348"/>
      <c r="AE152" s="348"/>
      <c r="AF152" s="348"/>
      <c r="AG152" s="348"/>
      <c r="AH152" s="348"/>
      <c r="AI152" s="348"/>
      <c r="AJ152" s="350"/>
    </row>
    <row r="153" spans="1:36" ht="10.5" customHeight="1" x14ac:dyDescent="0.15">
      <c r="A153" s="343"/>
      <c r="B153" s="344"/>
      <c r="C153" s="338" t="s">
        <v>53</v>
      </c>
      <c r="D153" s="340"/>
      <c r="E153" s="338" t="s">
        <v>52</v>
      </c>
      <c r="F153" s="340"/>
      <c r="G153" s="338" t="s">
        <v>51</v>
      </c>
      <c r="H153" s="340"/>
      <c r="I153" s="338" t="s">
        <v>50</v>
      </c>
      <c r="J153" s="339"/>
      <c r="K153" s="338" t="s">
        <v>53</v>
      </c>
      <c r="L153" s="340"/>
      <c r="M153" s="338" t="s">
        <v>54</v>
      </c>
      <c r="N153" s="340"/>
      <c r="O153" s="338" t="s">
        <v>51</v>
      </c>
      <c r="P153" s="340"/>
      <c r="Q153" s="338" t="s">
        <v>50</v>
      </c>
      <c r="R153" s="339"/>
      <c r="S153" s="343"/>
      <c r="T153" s="352"/>
      <c r="U153" s="338" t="s">
        <v>53</v>
      </c>
      <c r="V153" s="340"/>
      <c r="W153" s="338" t="s">
        <v>52</v>
      </c>
      <c r="X153" s="340"/>
      <c r="Y153" s="338" t="s">
        <v>51</v>
      </c>
      <c r="Z153" s="340"/>
      <c r="AA153" s="338" t="s">
        <v>50</v>
      </c>
      <c r="AB153" s="339"/>
      <c r="AC153" s="338" t="s">
        <v>53</v>
      </c>
      <c r="AD153" s="340"/>
      <c r="AE153" s="338" t="s">
        <v>52</v>
      </c>
      <c r="AF153" s="340"/>
      <c r="AG153" s="338" t="s">
        <v>51</v>
      </c>
      <c r="AH153" s="340"/>
      <c r="AI153" s="338" t="s">
        <v>50</v>
      </c>
      <c r="AJ153" s="339"/>
    </row>
    <row r="154" spans="1:36" ht="10.5" customHeight="1" thickBot="1" x14ac:dyDescent="0.2">
      <c r="A154" s="345"/>
      <c r="B154" s="346"/>
      <c r="C154" s="25" t="s">
        <v>49</v>
      </c>
      <c r="D154" s="56" t="s">
        <v>48</v>
      </c>
      <c r="E154" s="57" t="s">
        <v>49</v>
      </c>
      <c r="F154" s="57" t="s">
        <v>48</v>
      </c>
      <c r="G154" s="25" t="s">
        <v>49</v>
      </c>
      <c r="H154" s="56" t="s">
        <v>48</v>
      </c>
      <c r="I154" s="25" t="s">
        <v>49</v>
      </c>
      <c r="J154" s="55" t="s">
        <v>48</v>
      </c>
      <c r="K154" s="25" t="s">
        <v>49</v>
      </c>
      <c r="L154" s="56" t="s">
        <v>48</v>
      </c>
      <c r="M154" s="57" t="s">
        <v>49</v>
      </c>
      <c r="N154" s="57" t="s">
        <v>48</v>
      </c>
      <c r="O154" s="25" t="s">
        <v>49</v>
      </c>
      <c r="P154" s="56" t="s">
        <v>48</v>
      </c>
      <c r="Q154" s="25" t="s">
        <v>49</v>
      </c>
      <c r="R154" s="55" t="s">
        <v>48</v>
      </c>
      <c r="S154" s="345"/>
      <c r="T154" s="353"/>
      <c r="U154" s="25" t="s">
        <v>49</v>
      </c>
      <c r="V154" s="56" t="s">
        <v>48</v>
      </c>
      <c r="W154" s="57" t="s">
        <v>49</v>
      </c>
      <c r="X154" s="57" t="s">
        <v>48</v>
      </c>
      <c r="Y154" s="25" t="s">
        <v>49</v>
      </c>
      <c r="Z154" s="56" t="s">
        <v>48</v>
      </c>
      <c r="AA154" s="25" t="s">
        <v>49</v>
      </c>
      <c r="AB154" s="55" t="s">
        <v>48</v>
      </c>
      <c r="AC154" s="25" t="s">
        <v>49</v>
      </c>
      <c r="AD154" s="56" t="s">
        <v>48</v>
      </c>
      <c r="AE154" s="57" t="s">
        <v>49</v>
      </c>
      <c r="AF154" s="57" t="s">
        <v>48</v>
      </c>
      <c r="AG154" s="25" t="s">
        <v>49</v>
      </c>
      <c r="AH154" s="56" t="s">
        <v>48</v>
      </c>
      <c r="AI154" s="25" t="s">
        <v>49</v>
      </c>
      <c r="AJ154" s="55" t="s">
        <v>48</v>
      </c>
    </row>
    <row r="155" spans="1:36" ht="14.1" customHeight="1" thickTop="1" x14ac:dyDescent="0.15">
      <c r="A155" s="48">
        <v>1</v>
      </c>
      <c r="B155" s="53" t="s">
        <v>47</v>
      </c>
      <c r="C155" s="32">
        <v>19.242999999999999</v>
      </c>
      <c r="D155" s="34">
        <v>25</v>
      </c>
      <c r="E155" s="32">
        <v>900</v>
      </c>
      <c r="F155" s="34">
        <v>1</v>
      </c>
      <c r="G155" s="32">
        <v>26.478000000000002</v>
      </c>
      <c r="H155" s="34">
        <v>21</v>
      </c>
      <c r="I155" s="32">
        <v>19.245000000000001</v>
      </c>
      <c r="J155" s="36">
        <v>25</v>
      </c>
      <c r="K155" s="32">
        <v>866.52499999999998</v>
      </c>
      <c r="L155" s="34">
        <v>10</v>
      </c>
      <c r="M155" s="32">
        <v>700</v>
      </c>
      <c r="N155" s="34">
        <v>2</v>
      </c>
      <c r="O155" s="32">
        <v>1211.1310000000001</v>
      </c>
      <c r="P155" s="34">
        <v>4</v>
      </c>
      <c r="Q155" s="32">
        <v>866.52499999999998</v>
      </c>
      <c r="R155" s="36">
        <v>10</v>
      </c>
      <c r="S155" s="48">
        <v>1</v>
      </c>
      <c r="T155" s="34" t="s">
        <v>47</v>
      </c>
      <c r="U155" s="32">
        <v>205.864</v>
      </c>
      <c r="V155" s="34">
        <v>11</v>
      </c>
      <c r="W155" s="32">
        <v>0</v>
      </c>
      <c r="X155" s="34">
        <v>2</v>
      </c>
      <c r="Y155" s="32">
        <v>263.53100000000001</v>
      </c>
      <c r="Z155" s="34">
        <v>5</v>
      </c>
      <c r="AA155" s="32">
        <v>205.864</v>
      </c>
      <c r="AB155" s="36">
        <v>11</v>
      </c>
      <c r="AC155" s="32">
        <v>1091.633</v>
      </c>
      <c r="AD155" s="34">
        <v>10</v>
      </c>
      <c r="AE155" s="32">
        <v>1600</v>
      </c>
      <c r="AF155" s="34">
        <v>2</v>
      </c>
      <c r="AG155" s="32">
        <v>1501.14</v>
      </c>
      <c r="AH155" s="33">
        <v>4</v>
      </c>
      <c r="AI155" s="32">
        <v>1091.634</v>
      </c>
      <c r="AJ155" s="31">
        <v>10</v>
      </c>
    </row>
    <row r="156" spans="1:36" ht="14.1" customHeight="1" x14ac:dyDescent="0.15">
      <c r="A156" s="38">
        <v>2</v>
      </c>
      <c r="B156" s="53" t="s">
        <v>46</v>
      </c>
      <c r="C156" s="32">
        <v>18.905000000000001</v>
      </c>
      <c r="D156" s="34">
        <v>27</v>
      </c>
      <c r="E156" s="32">
        <v>0</v>
      </c>
      <c r="F156" s="34">
        <v>2</v>
      </c>
      <c r="G156" s="32">
        <v>29.334</v>
      </c>
      <c r="H156" s="34">
        <v>8</v>
      </c>
      <c r="I156" s="32">
        <v>18.888000000000002</v>
      </c>
      <c r="J156" s="36">
        <v>27</v>
      </c>
      <c r="K156" s="32">
        <v>808.76499999999999</v>
      </c>
      <c r="L156" s="34">
        <v>21</v>
      </c>
      <c r="M156" s="32">
        <v>0</v>
      </c>
      <c r="N156" s="34">
        <v>3</v>
      </c>
      <c r="O156" s="32">
        <v>1187.7380000000001</v>
      </c>
      <c r="P156" s="34">
        <v>7</v>
      </c>
      <c r="Q156" s="32">
        <v>808.76499999999999</v>
      </c>
      <c r="R156" s="36">
        <v>21</v>
      </c>
      <c r="S156" s="38">
        <v>2</v>
      </c>
      <c r="T156" s="34" t="s">
        <v>46</v>
      </c>
      <c r="U156" s="32">
        <v>198.26499999999999</v>
      </c>
      <c r="V156" s="34">
        <v>19</v>
      </c>
      <c r="W156" s="32">
        <v>0</v>
      </c>
      <c r="X156" s="34">
        <v>2</v>
      </c>
      <c r="Y156" s="32">
        <v>260.09800000000001</v>
      </c>
      <c r="Z156" s="34">
        <v>7</v>
      </c>
      <c r="AA156" s="32">
        <v>198.26499999999999</v>
      </c>
      <c r="AB156" s="36">
        <v>19</v>
      </c>
      <c r="AC156" s="32">
        <v>1025.9349999999999</v>
      </c>
      <c r="AD156" s="34">
        <v>21</v>
      </c>
      <c r="AE156" s="32">
        <v>0</v>
      </c>
      <c r="AF156" s="34">
        <v>3</v>
      </c>
      <c r="AG156" s="32">
        <v>1477.17</v>
      </c>
      <c r="AH156" s="33">
        <v>6</v>
      </c>
      <c r="AI156" s="32">
        <v>1025.9179999999999</v>
      </c>
      <c r="AJ156" s="31">
        <v>21</v>
      </c>
    </row>
    <row r="157" spans="1:36" ht="14.1" customHeight="1" x14ac:dyDescent="0.15">
      <c r="A157" s="38">
        <v>3</v>
      </c>
      <c r="B157" s="53" t="s">
        <v>45</v>
      </c>
      <c r="C157" s="32">
        <v>20.414000000000001</v>
      </c>
      <c r="D157" s="34">
        <v>21</v>
      </c>
      <c r="E157" s="32">
        <v>0</v>
      </c>
      <c r="F157" s="34">
        <v>2</v>
      </c>
      <c r="G157" s="32">
        <v>26.286000000000001</v>
      </c>
      <c r="H157" s="34">
        <v>22</v>
      </c>
      <c r="I157" s="32">
        <v>20.414000000000001</v>
      </c>
      <c r="J157" s="36">
        <v>21</v>
      </c>
      <c r="K157" s="32">
        <v>906.59699999999998</v>
      </c>
      <c r="L157" s="34">
        <v>1</v>
      </c>
      <c r="M157" s="32">
        <v>0</v>
      </c>
      <c r="N157" s="34">
        <v>3</v>
      </c>
      <c r="O157" s="32">
        <v>1235.5070000000001</v>
      </c>
      <c r="P157" s="34">
        <v>1</v>
      </c>
      <c r="Q157" s="32">
        <v>906.59699999999998</v>
      </c>
      <c r="R157" s="36">
        <v>1</v>
      </c>
      <c r="S157" s="38">
        <v>3</v>
      </c>
      <c r="T157" s="34" t="s">
        <v>45</v>
      </c>
      <c r="U157" s="32">
        <v>210.76400000000001</v>
      </c>
      <c r="V157" s="34">
        <v>7</v>
      </c>
      <c r="W157" s="32">
        <v>0</v>
      </c>
      <c r="X157" s="34">
        <v>2</v>
      </c>
      <c r="Y157" s="32">
        <v>262.90300000000002</v>
      </c>
      <c r="Z157" s="34">
        <v>6</v>
      </c>
      <c r="AA157" s="32">
        <v>210.76400000000001</v>
      </c>
      <c r="AB157" s="36">
        <v>7</v>
      </c>
      <c r="AC157" s="32">
        <v>1137.7760000000001</v>
      </c>
      <c r="AD157" s="34">
        <v>2</v>
      </c>
      <c r="AE157" s="32">
        <v>0</v>
      </c>
      <c r="AF157" s="34">
        <v>3</v>
      </c>
      <c r="AG157" s="32">
        <v>1524.6969999999999</v>
      </c>
      <c r="AH157" s="33">
        <v>2</v>
      </c>
      <c r="AI157" s="32">
        <v>1137.7760000000001</v>
      </c>
      <c r="AJ157" s="31">
        <v>2</v>
      </c>
    </row>
    <row r="158" spans="1:36" ht="14.1" customHeight="1" x14ac:dyDescent="0.15">
      <c r="A158" s="38">
        <v>4</v>
      </c>
      <c r="B158" s="53" t="s">
        <v>44</v>
      </c>
      <c r="C158" s="32">
        <v>20.64</v>
      </c>
      <c r="D158" s="34">
        <v>20</v>
      </c>
      <c r="E158" s="32">
        <v>0</v>
      </c>
      <c r="F158" s="34">
        <v>2</v>
      </c>
      <c r="G158" s="32">
        <v>25.977</v>
      </c>
      <c r="H158" s="34">
        <v>24</v>
      </c>
      <c r="I158" s="32">
        <v>20.64</v>
      </c>
      <c r="J158" s="36">
        <v>20</v>
      </c>
      <c r="K158" s="32">
        <v>821.66499999999996</v>
      </c>
      <c r="L158" s="34">
        <v>18</v>
      </c>
      <c r="M158" s="32">
        <v>0</v>
      </c>
      <c r="N158" s="34">
        <v>3</v>
      </c>
      <c r="O158" s="32">
        <v>1114.932</v>
      </c>
      <c r="P158" s="34">
        <v>16</v>
      </c>
      <c r="Q158" s="32">
        <v>821.64300000000003</v>
      </c>
      <c r="R158" s="36">
        <v>18</v>
      </c>
      <c r="S158" s="38">
        <v>4</v>
      </c>
      <c r="T158" s="34" t="s">
        <v>44</v>
      </c>
      <c r="U158" s="32">
        <v>198.36099999999999</v>
      </c>
      <c r="V158" s="34">
        <v>18</v>
      </c>
      <c r="W158" s="32">
        <v>0</v>
      </c>
      <c r="X158" s="34">
        <v>2</v>
      </c>
      <c r="Y158" s="32">
        <v>245.172</v>
      </c>
      <c r="Z158" s="34">
        <v>19</v>
      </c>
      <c r="AA158" s="32">
        <v>198.352</v>
      </c>
      <c r="AB158" s="36">
        <v>18</v>
      </c>
      <c r="AC158" s="32">
        <v>1040.6659999999999</v>
      </c>
      <c r="AD158" s="34">
        <v>15</v>
      </c>
      <c r="AE158" s="32">
        <v>0</v>
      </c>
      <c r="AF158" s="34">
        <v>3</v>
      </c>
      <c r="AG158" s="32">
        <v>1386.0809999999999</v>
      </c>
      <c r="AH158" s="33">
        <v>17</v>
      </c>
      <c r="AI158" s="32">
        <v>1040.635</v>
      </c>
      <c r="AJ158" s="31">
        <v>15</v>
      </c>
    </row>
    <row r="159" spans="1:36" ht="14.1" customHeight="1" x14ac:dyDescent="0.15">
      <c r="A159" s="38">
        <v>5</v>
      </c>
      <c r="B159" s="53" t="s">
        <v>43</v>
      </c>
      <c r="C159" s="32">
        <v>17.978000000000002</v>
      </c>
      <c r="D159" s="34">
        <v>31</v>
      </c>
      <c r="E159" s="32">
        <v>0</v>
      </c>
      <c r="F159" s="34">
        <v>2</v>
      </c>
      <c r="G159" s="32">
        <v>24.01</v>
      </c>
      <c r="H159" s="34">
        <v>32</v>
      </c>
      <c r="I159" s="32">
        <v>17.977</v>
      </c>
      <c r="J159" s="36">
        <v>31</v>
      </c>
      <c r="K159" s="32">
        <v>853.22900000000004</v>
      </c>
      <c r="L159" s="34">
        <v>12</v>
      </c>
      <c r="M159" s="32">
        <v>2000</v>
      </c>
      <c r="N159" s="34">
        <v>1</v>
      </c>
      <c r="O159" s="32">
        <v>1154.1880000000001</v>
      </c>
      <c r="P159" s="34">
        <v>11</v>
      </c>
      <c r="Q159" s="32">
        <v>853.26099999999997</v>
      </c>
      <c r="R159" s="36">
        <v>12</v>
      </c>
      <c r="S159" s="38">
        <v>5</v>
      </c>
      <c r="T159" s="34" t="s">
        <v>43</v>
      </c>
      <c r="U159" s="32">
        <v>224.23099999999999</v>
      </c>
      <c r="V159" s="34">
        <v>1</v>
      </c>
      <c r="W159" s="32">
        <v>700</v>
      </c>
      <c r="X159" s="34">
        <v>1</v>
      </c>
      <c r="Y159" s="32">
        <v>273.17500000000001</v>
      </c>
      <c r="Z159" s="34">
        <v>2</v>
      </c>
      <c r="AA159" s="32">
        <v>224.245</v>
      </c>
      <c r="AB159" s="36">
        <v>1</v>
      </c>
      <c r="AC159" s="32">
        <v>1095.4380000000001</v>
      </c>
      <c r="AD159" s="34">
        <v>9</v>
      </c>
      <c r="AE159" s="32">
        <v>2700</v>
      </c>
      <c r="AF159" s="34">
        <v>1</v>
      </c>
      <c r="AG159" s="32">
        <v>1451.373</v>
      </c>
      <c r="AH159" s="33">
        <v>9</v>
      </c>
      <c r="AI159" s="32">
        <v>1095.4829999999999</v>
      </c>
      <c r="AJ159" s="31">
        <v>9</v>
      </c>
    </row>
    <row r="160" spans="1:36" ht="14.1" customHeight="1" x14ac:dyDescent="0.15">
      <c r="A160" s="38">
        <v>6</v>
      </c>
      <c r="B160" s="53" t="s">
        <v>42</v>
      </c>
      <c r="C160" s="32">
        <v>18.184999999999999</v>
      </c>
      <c r="D160" s="34">
        <v>30</v>
      </c>
      <c r="E160" s="32">
        <v>0</v>
      </c>
      <c r="F160" s="34">
        <v>2</v>
      </c>
      <c r="G160" s="32">
        <v>24.638000000000002</v>
      </c>
      <c r="H160" s="34">
        <v>28</v>
      </c>
      <c r="I160" s="32">
        <v>18.184999999999999</v>
      </c>
      <c r="J160" s="36">
        <v>30</v>
      </c>
      <c r="K160" s="32">
        <v>846.101</v>
      </c>
      <c r="L160" s="34">
        <v>13</v>
      </c>
      <c r="M160" s="32">
        <v>0</v>
      </c>
      <c r="N160" s="34">
        <v>3</v>
      </c>
      <c r="O160" s="32">
        <v>1197.365</v>
      </c>
      <c r="P160" s="34">
        <v>5</v>
      </c>
      <c r="Q160" s="32">
        <v>846.101</v>
      </c>
      <c r="R160" s="36">
        <v>13</v>
      </c>
      <c r="S160" s="38">
        <v>6</v>
      </c>
      <c r="T160" s="34" t="s">
        <v>42</v>
      </c>
      <c r="U160" s="32">
        <v>215.00800000000001</v>
      </c>
      <c r="V160" s="34">
        <v>3</v>
      </c>
      <c r="W160" s="32">
        <v>0</v>
      </c>
      <c r="X160" s="34">
        <v>2</v>
      </c>
      <c r="Y160" s="32">
        <v>271.52699999999999</v>
      </c>
      <c r="Z160" s="34">
        <v>3</v>
      </c>
      <c r="AA160" s="32">
        <v>215.00800000000001</v>
      </c>
      <c r="AB160" s="36">
        <v>3</v>
      </c>
      <c r="AC160" s="32">
        <v>1079.2940000000001</v>
      </c>
      <c r="AD160" s="34">
        <v>13</v>
      </c>
      <c r="AE160" s="32">
        <v>0</v>
      </c>
      <c r="AF160" s="34">
        <v>3</v>
      </c>
      <c r="AG160" s="32">
        <v>1493.529</v>
      </c>
      <c r="AH160" s="33">
        <v>5</v>
      </c>
      <c r="AI160" s="32">
        <v>1079.2940000000001</v>
      </c>
      <c r="AJ160" s="31">
        <v>13</v>
      </c>
    </row>
    <row r="161" spans="1:36" ht="14.1" customHeight="1" x14ac:dyDescent="0.15">
      <c r="A161" s="38">
        <v>7</v>
      </c>
      <c r="B161" s="53" t="s">
        <v>41</v>
      </c>
      <c r="C161" s="32">
        <v>24.635000000000002</v>
      </c>
      <c r="D161" s="34">
        <v>4</v>
      </c>
      <c r="E161" s="32">
        <v>0</v>
      </c>
      <c r="F161" s="34">
        <v>2</v>
      </c>
      <c r="G161" s="32">
        <v>31.864999999999998</v>
      </c>
      <c r="H161" s="34">
        <v>4</v>
      </c>
      <c r="I161" s="32">
        <v>24.635000000000002</v>
      </c>
      <c r="J161" s="36">
        <v>4</v>
      </c>
      <c r="K161" s="32">
        <v>868.77300000000002</v>
      </c>
      <c r="L161" s="34">
        <v>9</v>
      </c>
      <c r="M161" s="32">
        <v>0</v>
      </c>
      <c r="N161" s="34">
        <v>3</v>
      </c>
      <c r="O161" s="32">
        <v>1168.7360000000001</v>
      </c>
      <c r="P161" s="34">
        <v>9</v>
      </c>
      <c r="Q161" s="32">
        <v>868.77300000000002</v>
      </c>
      <c r="R161" s="36">
        <v>9</v>
      </c>
      <c r="S161" s="38">
        <v>7</v>
      </c>
      <c r="T161" s="34" t="s">
        <v>41</v>
      </c>
      <c r="U161" s="32">
        <v>204.869</v>
      </c>
      <c r="V161" s="34">
        <v>13</v>
      </c>
      <c r="W161" s="32">
        <v>0</v>
      </c>
      <c r="X161" s="34">
        <v>2</v>
      </c>
      <c r="Y161" s="32">
        <v>246.232</v>
      </c>
      <c r="Z161" s="34">
        <v>18</v>
      </c>
      <c r="AA161" s="32">
        <v>204.86699999999999</v>
      </c>
      <c r="AB161" s="36">
        <v>13</v>
      </c>
      <c r="AC161" s="32">
        <v>1098.278</v>
      </c>
      <c r="AD161" s="34">
        <v>8</v>
      </c>
      <c r="AE161" s="32">
        <v>0</v>
      </c>
      <c r="AF161" s="34">
        <v>3</v>
      </c>
      <c r="AG161" s="32">
        <v>1446.8320000000001</v>
      </c>
      <c r="AH161" s="33">
        <v>10</v>
      </c>
      <c r="AI161" s="32">
        <v>1098.2760000000001</v>
      </c>
      <c r="AJ161" s="31">
        <v>8</v>
      </c>
    </row>
    <row r="162" spans="1:36" ht="14.1" customHeight="1" x14ac:dyDescent="0.15">
      <c r="A162" s="38">
        <v>8</v>
      </c>
      <c r="B162" s="53" t="s">
        <v>40</v>
      </c>
      <c r="C162" s="32">
        <v>18.907</v>
      </c>
      <c r="D162" s="34">
        <v>26</v>
      </c>
      <c r="E162" s="32">
        <v>0</v>
      </c>
      <c r="F162" s="34">
        <v>2</v>
      </c>
      <c r="G162" s="32">
        <v>25.113</v>
      </c>
      <c r="H162" s="34">
        <v>27</v>
      </c>
      <c r="I162" s="32">
        <v>18.907</v>
      </c>
      <c r="J162" s="36">
        <v>26</v>
      </c>
      <c r="K162" s="32">
        <v>824.423</v>
      </c>
      <c r="L162" s="34">
        <v>14</v>
      </c>
      <c r="M162" s="32">
        <v>0</v>
      </c>
      <c r="N162" s="34">
        <v>3</v>
      </c>
      <c r="O162" s="32">
        <v>1139.8140000000001</v>
      </c>
      <c r="P162" s="34">
        <v>12</v>
      </c>
      <c r="Q162" s="32">
        <v>824.423</v>
      </c>
      <c r="R162" s="36">
        <v>14</v>
      </c>
      <c r="S162" s="38">
        <v>8</v>
      </c>
      <c r="T162" s="34" t="s">
        <v>40</v>
      </c>
      <c r="U162" s="32">
        <v>207.785</v>
      </c>
      <c r="V162" s="34">
        <v>8</v>
      </c>
      <c r="W162" s="32">
        <v>0</v>
      </c>
      <c r="X162" s="34">
        <v>2</v>
      </c>
      <c r="Y162" s="32">
        <v>260.07</v>
      </c>
      <c r="Z162" s="34">
        <v>8</v>
      </c>
      <c r="AA162" s="32">
        <v>207.785</v>
      </c>
      <c r="AB162" s="36">
        <v>8</v>
      </c>
      <c r="AC162" s="32">
        <v>1051.116</v>
      </c>
      <c r="AD162" s="34">
        <v>14</v>
      </c>
      <c r="AE162" s="32">
        <v>0</v>
      </c>
      <c r="AF162" s="34">
        <v>3</v>
      </c>
      <c r="AG162" s="32">
        <v>1424.998</v>
      </c>
      <c r="AH162" s="33">
        <v>12</v>
      </c>
      <c r="AI162" s="32">
        <v>1051.116</v>
      </c>
      <c r="AJ162" s="31">
        <v>14</v>
      </c>
    </row>
    <row r="163" spans="1:36" ht="14.1" customHeight="1" x14ac:dyDescent="0.15">
      <c r="A163" s="38">
        <v>9</v>
      </c>
      <c r="B163" s="53" t="s">
        <v>39</v>
      </c>
      <c r="C163" s="32">
        <v>19.984000000000002</v>
      </c>
      <c r="D163" s="34">
        <v>24</v>
      </c>
      <c r="E163" s="32">
        <v>0</v>
      </c>
      <c r="F163" s="34">
        <v>2</v>
      </c>
      <c r="G163" s="32">
        <v>27.611999999999998</v>
      </c>
      <c r="H163" s="34">
        <v>12</v>
      </c>
      <c r="I163" s="32">
        <v>19.984000000000002</v>
      </c>
      <c r="J163" s="36">
        <v>24</v>
      </c>
      <c r="K163" s="32">
        <v>884.37800000000004</v>
      </c>
      <c r="L163" s="34">
        <v>4</v>
      </c>
      <c r="M163" s="32">
        <v>0</v>
      </c>
      <c r="N163" s="34">
        <v>3</v>
      </c>
      <c r="O163" s="32">
        <v>1224.7760000000001</v>
      </c>
      <c r="P163" s="34">
        <v>2</v>
      </c>
      <c r="Q163" s="32">
        <v>884.37800000000004</v>
      </c>
      <c r="R163" s="36">
        <v>4</v>
      </c>
      <c r="S163" s="38">
        <v>9</v>
      </c>
      <c r="T163" s="34" t="s">
        <v>39</v>
      </c>
      <c r="U163" s="32">
        <v>223.75</v>
      </c>
      <c r="V163" s="34">
        <v>2</v>
      </c>
      <c r="W163" s="32">
        <v>0</v>
      </c>
      <c r="X163" s="34">
        <v>2</v>
      </c>
      <c r="Y163" s="32">
        <v>279.12200000000001</v>
      </c>
      <c r="Z163" s="34">
        <v>1</v>
      </c>
      <c r="AA163" s="32">
        <v>223.75</v>
      </c>
      <c r="AB163" s="36">
        <v>2</v>
      </c>
      <c r="AC163" s="32">
        <v>1128.1130000000001</v>
      </c>
      <c r="AD163" s="34">
        <v>4</v>
      </c>
      <c r="AE163" s="32">
        <v>0</v>
      </c>
      <c r="AF163" s="34">
        <v>3</v>
      </c>
      <c r="AG163" s="32">
        <v>1531.51</v>
      </c>
      <c r="AH163" s="33">
        <v>1</v>
      </c>
      <c r="AI163" s="32">
        <v>1128.1130000000001</v>
      </c>
      <c r="AJ163" s="31">
        <v>4</v>
      </c>
    </row>
    <row r="164" spans="1:36" ht="14.1" customHeight="1" x14ac:dyDescent="0.15">
      <c r="A164" s="38">
        <v>10</v>
      </c>
      <c r="B164" s="53" t="s">
        <v>38</v>
      </c>
      <c r="C164" s="32">
        <v>21.552</v>
      </c>
      <c r="D164" s="34">
        <v>14</v>
      </c>
      <c r="E164" s="32">
        <v>0</v>
      </c>
      <c r="F164" s="34">
        <v>2</v>
      </c>
      <c r="G164" s="32">
        <v>29.666</v>
      </c>
      <c r="H164" s="34">
        <v>6</v>
      </c>
      <c r="I164" s="32">
        <v>21.550999999999998</v>
      </c>
      <c r="J164" s="36">
        <v>14</v>
      </c>
      <c r="K164" s="32">
        <v>779.07100000000003</v>
      </c>
      <c r="L164" s="34">
        <v>28</v>
      </c>
      <c r="M164" s="32">
        <v>0</v>
      </c>
      <c r="N164" s="34">
        <v>3</v>
      </c>
      <c r="O164" s="32">
        <v>1070.873</v>
      </c>
      <c r="P164" s="34">
        <v>24</v>
      </c>
      <c r="Q164" s="32">
        <v>779.06500000000005</v>
      </c>
      <c r="R164" s="36">
        <v>28</v>
      </c>
      <c r="S164" s="38">
        <v>10</v>
      </c>
      <c r="T164" s="34" t="s">
        <v>38</v>
      </c>
      <c r="U164" s="32">
        <v>193.821</v>
      </c>
      <c r="V164" s="34">
        <v>24</v>
      </c>
      <c r="W164" s="32">
        <v>0</v>
      </c>
      <c r="X164" s="34">
        <v>2</v>
      </c>
      <c r="Y164" s="32">
        <v>244.19</v>
      </c>
      <c r="Z164" s="34">
        <v>20</v>
      </c>
      <c r="AA164" s="32">
        <v>193.821</v>
      </c>
      <c r="AB164" s="36">
        <v>24</v>
      </c>
      <c r="AC164" s="32">
        <v>994.44299999999998</v>
      </c>
      <c r="AD164" s="34">
        <v>27</v>
      </c>
      <c r="AE164" s="32">
        <v>0</v>
      </c>
      <c r="AF164" s="34">
        <v>3</v>
      </c>
      <c r="AG164" s="32">
        <v>1344.729</v>
      </c>
      <c r="AH164" s="33">
        <v>24</v>
      </c>
      <c r="AI164" s="32">
        <v>994.43700000000001</v>
      </c>
      <c r="AJ164" s="31">
        <v>27</v>
      </c>
    </row>
    <row r="165" spans="1:36" ht="14.1" customHeight="1" x14ac:dyDescent="0.15">
      <c r="A165" s="38">
        <v>11</v>
      </c>
      <c r="B165" s="53" t="s">
        <v>37</v>
      </c>
      <c r="C165" s="32">
        <v>20.306999999999999</v>
      </c>
      <c r="D165" s="34">
        <v>22</v>
      </c>
      <c r="E165" s="32">
        <v>0</v>
      </c>
      <c r="F165" s="34">
        <v>2</v>
      </c>
      <c r="G165" s="32">
        <v>28.24</v>
      </c>
      <c r="H165" s="34">
        <v>10</v>
      </c>
      <c r="I165" s="32">
        <v>20.306999999999999</v>
      </c>
      <c r="J165" s="36">
        <v>22</v>
      </c>
      <c r="K165" s="32">
        <v>870.23400000000004</v>
      </c>
      <c r="L165" s="34">
        <v>8</v>
      </c>
      <c r="M165" s="32">
        <v>0</v>
      </c>
      <c r="N165" s="34">
        <v>3</v>
      </c>
      <c r="O165" s="32">
        <v>1165.5730000000001</v>
      </c>
      <c r="P165" s="34">
        <v>10</v>
      </c>
      <c r="Q165" s="32">
        <v>870.23400000000004</v>
      </c>
      <c r="R165" s="36">
        <v>8</v>
      </c>
      <c r="S165" s="38">
        <v>11</v>
      </c>
      <c r="T165" s="34" t="s">
        <v>37</v>
      </c>
      <c r="U165" s="32">
        <v>193.02799999999999</v>
      </c>
      <c r="V165" s="34">
        <v>25</v>
      </c>
      <c r="W165" s="32">
        <v>0</v>
      </c>
      <c r="X165" s="34">
        <v>2</v>
      </c>
      <c r="Y165" s="32">
        <v>234.035</v>
      </c>
      <c r="Z165" s="34">
        <v>25</v>
      </c>
      <c r="AA165" s="32">
        <v>193.02799999999999</v>
      </c>
      <c r="AB165" s="36">
        <v>25</v>
      </c>
      <c r="AC165" s="32">
        <v>1083.569</v>
      </c>
      <c r="AD165" s="34">
        <v>12</v>
      </c>
      <c r="AE165" s="32">
        <v>0</v>
      </c>
      <c r="AF165" s="34">
        <v>3</v>
      </c>
      <c r="AG165" s="32">
        <v>1427.848</v>
      </c>
      <c r="AH165" s="33">
        <v>11</v>
      </c>
      <c r="AI165" s="32">
        <v>1083.569</v>
      </c>
      <c r="AJ165" s="31">
        <v>12</v>
      </c>
    </row>
    <row r="166" spans="1:36" ht="14.1" customHeight="1" x14ac:dyDescent="0.15">
      <c r="A166" s="38">
        <v>12</v>
      </c>
      <c r="B166" s="53" t="s">
        <v>36</v>
      </c>
      <c r="C166" s="32">
        <v>21.664000000000001</v>
      </c>
      <c r="D166" s="34">
        <v>12</v>
      </c>
      <c r="E166" s="32">
        <v>0</v>
      </c>
      <c r="F166" s="34">
        <v>2</v>
      </c>
      <c r="G166" s="32">
        <v>27.045999999999999</v>
      </c>
      <c r="H166" s="34">
        <v>18</v>
      </c>
      <c r="I166" s="32">
        <v>21.664000000000001</v>
      </c>
      <c r="J166" s="36">
        <v>12</v>
      </c>
      <c r="K166" s="32">
        <v>824.36099999999999</v>
      </c>
      <c r="L166" s="34">
        <v>15</v>
      </c>
      <c r="M166" s="32">
        <v>0</v>
      </c>
      <c r="N166" s="34">
        <v>3</v>
      </c>
      <c r="O166" s="32">
        <v>1093.9549999999999</v>
      </c>
      <c r="P166" s="34">
        <v>21</v>
      </c>
      <c r="Q166" s="32">
        <v>824.36099999999999</v>
      </c>
      <c r="R166" s="36">
        <v>15</v>
      </c>
      <c r="S166" s="38">
        <v>12</v>
      </c>
      <c r="T166" s="34" t="s">
        <v>36</v>
      </c>
      <c r="U166" s="32">
        <v>189.26900000000001</v>
      </c>
      <c r="V166" s="34">
        <v>27</v>
      </c>
      <c r="W166" s="32">
        <v>0</v>
      </c>
      <c r="X166" s="34">
        <v>2</v>
      </c>
      <c r="Y166" s="32">
        <v>230.18899999999999</v>
      </c>
      <c r="Z166" s="34">
        <v>26</v>
      </c>
      <c r="AA166" s="32">
        <v>189.26900000000001</v>
      </c>
      <c r="AB166" s="36">
        <v>27</v>
      </c>
      <c r="AC166" s="32">
        <v>1035.2950000000001</v>
      </c>
      <c r="AD166" s="34">
        <v>18</v>
      </c>
      <c r="AE166" s="32">
        <v>0</v>
      </c>
      <c r="AF166" s="34">
        <v>3</v>
      </c>
      <c r="AG166" s="32">
        <v>1351.19</v>
      </c>
      <c r="AH166" s="33">
        <v>21</v>
      </c>
      <c r="AI166" s="32">
        <v>1035.2950000000001</v>
      </c>
      <c r="AJ166" s="31">
        <v>18</v>
      </c>
    </row>
    <row r="167" spans="1:36" ht="14.1" customHeight="1" x14ac:dyDescent="0.15">
      <c r="A167" s="38">
        <v>13</v>
      </c>
      <c r="B167" s="53" t="s">
        <v>35</v>
      </c>
      <c r="C167" s="32">
        <v>21.125</v>
      </c>
      <c r="D167" s="34">
        <v>16</v>
      </c>
      <c r="E167" s="32">
        <v>0</v>
      </c>
      <c r="F167" s="34">
        <v>2</v>
      </c>
      <c r="G167" s="32">
        <v>27.411999999999999</v>
      </c>
      <c r="H167" s="34">
        <v>15</v>
      </c>
      <c r="I167" s="32">
        <v>21.125</v>
      </c>
      <c r="J167" s="36">
        <v>16</v>
      </c>
      <c r="K167" s="32">
        <v>776.41499999999996</v>
      </c>
      <c r="L167" s="34">
        <v>29</v>
      </c>
      <c r="M167" s="32">
        <v>0</v>
      </c>
      <c r="N167" s="34">
        <v>3</v>
      </c>
      <c r="O167" s="32">
        <v>1059.6759999999999</v>
      </c>
      <c r="P167" s="34">
        <v>27</v>
      </c>
      <c r="Q167" s="32">
        <v>776.41499999999996</v>
      </c>
      <c r="R167" s="36">
        <v>29</v>
      </c>
      <c r="S167" s="38">
        <v>13</v>
      </c>
      <c r="T167" s="34" t="s">
        <v>35</v>
      </c>
      <c r="U167" s="32">
        <v>181.56800000000001</v>
      </c>
      <c r="V167" s="34">
        <v>29</v>
      </c>
      <c r="W167" s="32">
        <v>0</v>
      </c>
      <c r="X167" s="34">
        <v>2</v>
      </c>
      <c r="Y167" s="32">
        <v>227.74</v>
      </c>
      <c r="Z167" s="34">
        <v>27</v>
      </c>
      <c r="AA167" s="32">
        <v>181.56800000000001</v>
      </c>
      <c r="AB167" s="36">
        <v>29</v>
      </c>
      <c r="AC167" s="32">
        <v>979.10799999999995</v>
      </c>
      <c r="AD167" s="34">
        <v>31</v>
      </c>
      <c r="AE167" s="32">
        <v>0</v>
      </c>
      <c r="AF167" s="34">
        <v>3</v>
      </c>
      <c r="AG167" s="32">
        <v>1314.827</v>
      </c>
      <c r="AH167" s="33">
        <v>26</v>
      </c>
      <c r="AI167" s="32">
        <v>979.10799999999995</v>
      </c>
      <c r="AJ167" s="31">
        <v>31</v>
      </c>
    </row>
    <row r="168" spans="1:36" ht="14.1" customHeight="1" x14ac:dyDescent="0.15">
      <c r="A168" s="38">
        <v>14</v>
      </c>
      <c r="B168" s="53" t="s">
        <v>34</v>
      </c>
      <c r="C168" s="32">
        <v>18.486000000000001</v>
      </c>
      <c r="D168" s="34">
        <v>28</v>
      </c>
      <c r="E168" s="32">
        <v>0</v>
      </c>
      <c r="F168" s="34">
        <v>2</v>
      </c>
      <c r="G168" s="32">
        <v>27.213000000000001</v>
      </c>
      <c r="H168" s="34">
        <v>16</v>
      </c>
      <c r="I168" s="32">
        <v>18.486000000000001</v>
      </c>
      <c r="J168" s="36">
        <v>28</v>
      </c>
      <c r="K168" s="32">
        <v>773.61199999999997</v>
      </c>
      <c r="L168" s="34">
        <v>30</v>
      </c>
      <c r="M168" s="32">
        <v>0</v>
      </c>
      <c r="N168" s="34">
        <v>3</v>
      </c>
      <c r="O168" s="32">
        <v>1119.1510000000001</v>
      </c>
      <c r="P168" s="34">
        <v>14</v>
      </c>
      <c r="Q168" s="32">
        <v>773.60599999999999</v>
      </c>
      <c r="R168" s="36">
        <v>30</v>
      </c>
      <c r="S168" s="38">
        <v>14</v>
      </c>
      <c r="T168" s="34" t="s">
        <v>34</v>
      </c>
      <c r="U168" s="32">
        <v>194.131</v>
      </c>
      <c r="V168" s="34">
        <v>23</v>
      </c>
      <c r="W168" s="32">
        <v>0</v>
      </c>
      <c r="X168" s="34">
        <v>2</v>
      </c>
      <c r="Y168" s="32">
        <v>255.93700000000001</v>
      </c>
      <c r="Z168" s="34">
        <v>11</v>
      </c>
      <c r="AA168" s="32">
        <v>194.131</v>
      </c>
      <c r="AB168" s="36">
        <v>23</v>
      </c>
      <c r="AC168" s="32">
        <v>986.22900000000004</v>
      </c>
      <c r="AD168" s="34">
        <v>29</v>
      </c>
      <c r="AE168" s="32">
        <v>0</v>
      </c>
      <c r="AF168" s="34">
        <v>3</v>
      </c>
      <c r="AG168" s="32">
        <v>1402.3009999999999</v>
      </c>
      <c r="AH168" s="33">
        <v>13</v>
      </c>
      <c r="AI168" s="32">
        <v>986.22199999999998</v>
      </c>
      <c r="AJ168" s="31">
        <v>29</v>
      </c>
    </row>
    <row r="169" spans="1:36" ht="14.1" customHeight="1" x14ac:dyDescent="0.15">
      <c r="A169" s="38">
        <v>15</v>
      </c>
      <c r="B169" s="53" t="s">
        <v>33</v>
      </c>
      <c r="C169" s="32">
        <v>21.558</v>
      </c>
      <c r="D169" s="34">
        <v>13</v>
      </c>
      <c r="E169" s="32">
        <v>0</v>
      </c>
      <c r="F169" s="34">
        <v>2</v>
      </c>
      <c r="G169" s="32">
        <v>26.709</v>
      </c>
      <c r="H169" s="34">
        <v>20</v>
      </c>
      <c r="I169" s="32">
        <v>21.558</v>
      </c>
      <c r="J169" s="36">
        <v>13</v>
      </c>
      <c r="K169" s="32">
        <v>802.00199999999995</v>
      </c>
      <c r="L169" s="34">
        <v>23</v>
      </c>
      <c r="M169" s="32">
        <v>0</v>
      </c>
      <c r="N169" s="34">
        <v>3</v>
      </c>
      <c r="O169" s="32">
        <v>1070.904</v>
      </c>
      <c r="P169" s="34">
        <v>23</v>
      </c>
      <c r="Q169" s="32">
        <v>802.00199999999995</v>
      </c>
      <c r="R169" s="36">
        <v>23</v>
      </c>
      <c r="S169" s="38">
        <v>15</v>
      </c>
      <c r="T169" s="34" t="s">
        <v>33</v>
      </c>
      <c r="U169" s="32">
        <v>205.02099999999999</v>
      </c>
      <c r="V169" s="34">
        <v>12</v>
      </c>
      <c r="W169" s="32">
        <v>0</v>
      </c>
      <c r="X169" s="34">
        <v>2</v>
      </c>
      <c r="Y169" s="32">
        <v>251.482</v>
      </c>
      <c r="Z169" s="34">
        <v>15</v>
      </c>
      <c r="AA169" s="32">
        <v>205.02099999999999</v>
      </c>
      <c r="AB169" s="36">
        <v>12</v>
      </c>
      <c r="AC169" s="32">
        <v>1028.5809999999999</v>
      </c>
      <c r="AD169" s="34">
        <v>20</v>
      </c>
      <c r="AE169" s="32">
        <v>0</v>
      </c>
      <c r="AF169" s="34">
        <v>3</v>
      </c>
      <c r="AG169" s="32">
        <v>1349.096</v>
      </c>
      <c r="AH169" s="33">
        <v>23</v>
      </c>
      <c r="AI169" s="32">
        <v>1028.5809999999999</v>
      </c>
      <c r="AJ169" s="31">
        <v>20</v>
      </c>
    </row>
    <row r="170" spans="1:36" ht="14.1" customHeight="1" x14ac:dyDescent="0.15">
      <c r="A170" s="38">
        <v>16</v>
      </c>
      <c r="B170" s="53" t="s">
        <v>32</v>
      </c>
      <c r="C170" s="32">
        <v>18.436</v>
      </c>
      <c r="D170" s="34">
        <v>29</v>
      </c>
      <c r="E170" s="32">
        <v>0</v>
      </c>
      <c r="F170" s="34">
        <v>2</v>
      </c>
      <c r="G170" s="32">
        <v>24.379000000000001</v>
      </c>
      <c r="H170" s="34">
        <v>30</v>
      </c>
      <c r="I170" s="32">
        <v>18.436</v>
      </c>
      <c r="J170" s="36">
        <v>29</v>
      </c>
      <c r="K170" s="32">
        <v>768.54399999999998</v>
      </c>
      <c r="L170" s="34">
        <v>32</v>
      </c>
      <c r="M170" s="32">
        <v>0</v>
      </c>
      <c r="N170" s="34">
        <v>3</v>
      </c>
      <c r="O170" s="32">
        <v>1037.366</v>
      </c>
      <c r="P170" s="34">
        <v>31</v>
      </c>
      <c r="Q170" s="32">
        <v>768.54399999999998</v>
      </c>
      <c r="R170" s="36">
        <v>32</v>
      </c>
      <c r="S170" s="38">
        <v>16</v>
      </c>
      <c r="T170" s="34" t="s">
        <v>32</v>
      </c>
      <c r="U170" s="32">
        <v>194.42500000000001</v>
      </c>
      <c r="V170" s="34">
        <v>21</v>
      </c>
      <c r="W170" s="32">
        <v>0</v>
      </c>
      <c r="X170" s="34">
        <v>2</v>
      </c>
      <c r="Y170" s="32">
        <v>243.01300000000001</v>
      </c>
      <c r="Z170" s="34">
        <v>21</v>
      </c>
      <c r="AA170" s="32">
        <v>194.42500000000001</v>
      </c>
      <c r="AB170" s="36">
        <v>21</v>
      </c>
      <c r="AC170" s="32">
        <v>981.404</v>
      </c>
      <c r="AD170" s="34">
        <v>30</v>
      </c>
      <c r="AE170" s="32">
        <v>0</v>
      </c>
      <c r="AF170" s="34">
        <v>3</v>
      </c>
      <c r="AG170" s="32">
        <v>1304.759</v>
      </c>
      <c r="AH170" s="33">
        <v>29</v>
      </c>
      <c r="AI170" s="32">
        <v>981.404</v>
      </c>
      <c r="AJ170" s="31">
        <v>30</v>
      </c>
    </row>
    <row r="171" spans="1:36" ht="14.1" customHeight="1" x14ac:dyDescent="0.15">
      <c r="A171" s="38">
        <v>17</v>
      </c>
      <c r="B171" s="53" t="s">
        <v>31</v>
      </c>
      <c r="C171" s="32">
        <v>20.855</v>
      </c>
      <c r="D171" s="34">
        <v>17</v>
      </c>
      <c r="E171" s="32">
        <v>0</v>
      </c>
      <c r="F171" s="34">
        <v>2</v>
      </c>
      <c r="G171" s="32">
        <v>29.34</v>
      </c>
      <c r="H171" s="34">
        <v>7</v>
      </c>
      <c r="I171" s="32">
        <v>20.855</v>
      </c>
      <c r="J171" s="36">
        <v>17</v>
      </c>
      <c r="K171" s="32">
        <v>784.16300000000001</v>
      </c>
      <c r="L171" s="34">
        <v>27</v>
      </c>
      <c r="M171" s="32">
        <v>0</v>
      </c>
      <c r="N171" s="34">
        <v>3</v>
      </c>
      <c r="O171" s="32">
        <v>1107.557</v>
      </c>
      <c r="P171" s="34">
        <v>19</v>
      </c>
      <c r="Q171" s="32">
        <v>784.16300000000001</v>
      </c>
      <c r="R171" s="36">
        <v>27</v>
      </c>
      <c r="S171" s="38">
        <v>17</v>
      </c>
      <c r="T171" s="34" t="s">
        <v>31</v>
      </c>
      <c r="U171" s="32">
        <v>200.7</v>
      </c>
      <c r="V171" s="34">
        <v>16</v>
      </c>
      <c r="W171" s="32">
        <v>0</v>
      </c>
      <c r="X171" s="34">
        <v>2</v>
      </c>
      <c r="Y171" s="32">
        <v>254.53</v>
      </c>
      <c r="Z171" s="34">
        <v>12</v>
      </c>
      <c r="AA171" s="32">
        <v>200.649</v>
      </c>
      <c r="AB171" s="36">
        <v>16</v>
      </c>
      <c r="AC171" s="32">
        <v>1005.718</v>
      </c>
      <c r="AD171" s="34">
        <v>25</v>
      </c>
      <c r="AE171" s="32">
        <v>0</v>
      </c>
      <c r="AF171" s="34">
        <v>3</v>
      </c>
      <c r="AG171" s="32">
        <v>1391.4269999999999</v>
      </c>
      <c r="AH171" s="33">
        <v>14</v>
      </c>
      <c r="AI171" s="32">
        <v>1005.667</v>
      </c>
      <c r="AJ171" s="31">
        <v>25</v>
      </c>
    </row>
    <row r="172" spans="1:36" ht="14.1" customHeight="1" x14ac:dyDescent="0.15">
      <c r="A172" s="38">
        <v>18</v>
      </c>
      <c r="B172" s="53" t="s">
        <v>30</v>
      </c>
      <c r="C172" s="32">
        <v>22.960999999999999</v>
      </c>
      <c r="D172" s="34">
        <v>8</v>
      </c>
      <c r="E172" s="32">
        <v>0</v>
      </c>
      <c r="F172" s="34">
        <v>2</v>
      </c>
      <c r="G172" s="32">
        <v>26.263000000000002</v>
      </c>
      <c r="H172" s="34">
        <v>23</v>
      </c>
      <c r="I172" s="32">
        <v>22.960999999999999</v>
      </c>
      <c r="J172" s="36">
        <v>8</v>
      </c>
      <c r="K172" s="32">
        <v>882.35199999999998</v>
      </c>
      <c r="L172" s="34">
        <v>7</v>
      </c>
      <c r="M172" s="32">
        <v>0</v>
      </c>
      <c r="N172" s="34">
        <v>3</v>
      </c>
      <c r="O172" s="32">
        <v>1171.2470000000001</v>
      </c>
      <c r="P172" s="34">
        <v>8</v>
      </c>
      <c r="Q172" s="32">
        <v>882.35199999999998</v>
      </c>
      <c r="R172" s="36">
        <v>7</v>
      </c>
      <c r="S172" s="38">
        <v>18</v>
      </c>
      <c r="T172" s="34" t="s">
        <v>30</v>
      </c>
      <c r="U172" s="32">
        <v>213.59899999999999</v>
      </c>
      <c r="V172" s="34">
        <v>5</v>
      </c>
      <c r="W172" s="32">
        <v>0</v>
      </c>
      <c r="X172" s="34">
        <v>2</v>
      </c>
      <c r="Y172" s="32">
        <v>266.57299999999998</v>
      </c>
      <c r="Z172" s="34">
        <v>4</v>
      </c>
      <c r="AA172" s="32">
        <v>213.59899999999999</v>
      </c>
      <c r="AB172" s="36">
        <v>5</v>
      </c>
      <c r="AC172" s="32">
        <v>1118.912</v>
      </c>
      <c r="AD172" s="34">
        <v>6</v>
      </c>
      <c r="AE172" s="32">
        <v>0</v>
      </c>
      <c r="AF172" s="34">
        <v>3</v>
      </c>
      <c r="AG172" s="32">
        <v>1464.0830000000001</v>
      </c>
      <c r="AH172" s="33">
        <v>8</v>
      </c>
      <c r="AI172" s="32">
        <v>1118.912</v>
      </c>
      <c r="AJ172" s="54">
        <v>6</v>
      </c>
    </row>
    <row r="173" spans="1:36" ht="14.1" customHeight="1" x14ac:dyDescent="0.15">
      <c r="A173" s="38">
        <v>19</v>
      </c>
      <c r="B173" s="53" t="s">
        <v>29</v>
      </c>
      <c r="C173" s="32">
        <v>16.861999999999998</v>
      </c>
      <c r="D173" s="34">
        <v>33</v>
      </c>
      <c r="E173" s="32">
        <v>0</v>
      </c>
      <c r="F173" s="34">
        <v>2</v>
      </c>
      <c r="G173" s="32">
        <v>25.469000000000001</v>
      </c>
      <c r="H173" s="34">
        <v>25</v>
      </c>
      <c r="I173" s="32">
        <v>16.861999999999998</v>
      </c>
      <c r="J173" s="36">
        <v>33</v>
      </c>
      <c r="K173" s="32">
        <v>814.327</v>
      </c>
      <c r="L173" s="34">
        <v>19</v>
      </c>
      <c r="M173" s="32">
        <v>0</v>
      </c>
      <c r="N173" s="34">
        <v>3</v>
      </c>
      <c r="O173" s="32">
        <v>1197.1880000000001</v>
      </c>
      <c r="P173" s="34">
        <v>6</v>
      </c>
      <c r="Q173" s="32">
        <v>814.327</v>
      </c>
      <c r="R173" s="36">
        <v>19</v>
      </c>
      <c r="S173" s="38">
        <v>19</v>
      </c>
      <c r="T173" s="34" t="s">
        <v>29</v>
      </c>
      <c r="U173" s="32">
        <v>206.66900000000001</v>
      </c>
      <c r="V173" s="34">
        <v>9</v>
      </c>
      <c r="W173" s="32">
        <v>0</v>
      </c>
      <c r="X173" s="34">
        <v>2</v>
      </c>
      <c r="Y173" s="32">
        <v>254.39599999999999</v>
      </c>
      <c r="Z173" s="34">
        <v>13</v>
      </c>
      <c r="AA173" s="32">
        <v>206.66900000000001</v>
      </c>
      <c r="AB173" s="36">
        <v>9</v>
      </c>
      <c r="AC173" s="32">
        <v>1037.8579999999999</v>
      </c>
      <c r="AD173" s="34">
        <v>16</v>
      </c>
      <c r="AE173" s="32">
        <v>0</v>
      </c>
      <c r="AF173" s="34">
        <v>3</v>
      </c>
      <c r="AG173" s="32">
        <v>1477.0519999999999</v>
      </c>
      <c r="AH173" s="33">
        <v>7</v>
      </c>
      <c r="AI173" s="32">
        <v>1037.8579999999999</v>
      </c>
      <c r="AJ173" s="54">
        <v>16</v>
      </c>
    </row>
    <row r="174" spans="1:36" ht="14.1" customHeight="1" x14ac:dyDescent="0.15">
      <c r="A174" s="38">
        <v>20</v>
      </c>
      <c r="B174" s="53" t="s">
        <v>28</v>
      </c>
      <c r="C174" s="32">
        <v>20.827000000000002</v>
      </c>
      <c r="D174" s="34">
        <v>19</v>
      </c>
      <c r="E174" s="32">
        <v>0</v>
      </c>
      <c r="F174" s="34">
        <v>2</v>
      </c>
      <c r="G174" s="32">
        <v>27.501999999999999</v>
      </c>
      <c r="H174" s="34">
        <v>13</v>
      </c>
      <c r="I174" s="32">
        <v>20.827000000000002</v>
      </c>
      <c r="J174" s="36">
        <v>19</v>
      </c>
      <c r="K174" s="32">
        <v>799.49099999999999</v>
      </c>
      <c r="L174" s="34">
        <v>26</v>
      </c>
      <c r="M174" s="32">
        <v>0</v>
      </c>
      <c r="N174" s="34">
        <v>3</v>
      </c>
      <c r="O174" s="32">
        <v>1068.7439999999999</v>
      </c>
      <c r="P174" s="34">
        <v>25</v>
      </c>
      <c r="Q174" s="32">
        <v>799.49099999999999</v>
      </c>
      <c r="R174" s="36">
        <v>26</v>
      </c>
      <c r="S174" s="38">
        <v>20</v>
      </c>
      <c r="T174" s="34" t="s">
        <v>28</v>
      </c>
      <c r="U174" s="32">
        <v>200.27799999999999</v>
      </c>
      <c r="V174" s="34">
        <v>17</v>
      </c>
      <c r="W174" s="32">
        <v>0</v>
      </c>
      <c r="X174" s="34">
        <v>2</v>
      </c>
      <c r="Y174" s="32">
        <v>252.857</v>
      </c>
      <c r="Z174" s="34">
        <v>14</v>
      </c>
      <c r="AA174" s="32">
        <v>200.27799999999999</v>
      </c>
      <c r="AB174" s="36">
        <v>17</v>
      </c>
      <c r="AC174" s="32">
        <v>1020.597</v>
      </c>
      <c r="AD174" s="34">
        <v>23</v>
      </c>
      <c r="AE174" s="32">
        <v>0</v>
      </c>
      <c r="AF174" s="34">
        <v>3</v>
      </c>
      <c r="AG174" s="32">
        <v>1349.1030000000001</v>
      </c>
      <c r="AH174" s="33">
        <v>22</v>
      </c>
      <c r="AI174" s="32">
        <v>1020.597</v>
      </c>
      <c r="AJ174" s="54">
        <v>23</v>
      </c>
    </row>
    <row r="175" spans="1:36" ht="14.1" customHeight="1" x14ac:dyDescent="0.15">
      <c r="A175" s="38">
        <v>21</v>
      </c>
      <c r="B175" s="53" t="s">
        <v>27</v>
      </c>
      <c r="C175" s="32">
        <v>20.306999999999999</v>
      </c>
      <c r="D175" s="34">
        <v>22</v>
      </c>
      <c r="E175" s="32">
        <v>0</v>
      </c>
      <c r="F175" s="34">
        <v>2</v>
      </c>
      <c r="G175" s="32">
        <v>27.077000000000002</v>
      </c>
      <c r="H175" s="34">
        <v>17</v>
      </c>
      <c r="I175" s="32">
        <v>20.306999999999999</v>
      </c>
      <c r="J175" s="36">
        <v>22</v>
      </c>
      <c r="K175" s="32">
        <v>730.35500000000002</v>
      </c>
      <c r="L175" s="34">
        <v>33</v>
      </c>
      <c r="M175" s="32">
        <v>0</v>
      </c>
      <c r="N175" s="34">
        <v>3</v>
      </c>
      <c r="O175" s="32">
        <v>1021.8440000000001</v>
      </c>
      <c r="P175" s="34">
        <v>32</v>
      </c>
      <c r="Q175" s="32">
        <v>730.35500000000002</v>
      </c>
      <c r="R175" s="36">
        <v>33</v>
      </c>
      <c r="S175" s="38">
        <v>21</v>
      </c>
      <c r="T175" s="34" t="s">
        <v>27</v>
      </c>
      <c r="U175" s="32">
        <v>195.95400000000001</v>
      </c>
      <c r="V175" s="34">
        <v>20</v>
      </c>
      <c r="W175" s="32">
        <v>0</v>
      </c>
      <c r="X175" s="34">
        <v>2</v>
      </c>
      <c r="Y175" s="32">
        <v>257.50299999999999</v>
      </c>
      <c r="Z175" s="34">
        <v>9</v>
      </c>
      <c r="AA175" s="32">
        <v>195.95400000000001</v>
      </c>
      <c r="AB175" s="36">
        <v>20</v>
      </c>
      <c r="AC175" s="32">
        <v>946.61599999999999</v>
      </c>
      <c r="AD175" s="34">
        <v>32</v>
      </c>
      <c r="AE175" s="32">
        <v>0</v>
      </c>
      <c r="AF175" s="34">
        <v>3</v>
      </c>
      <c r="AG175" s="32">
        <v>1306.424</v>
      </c>
      <c r="AH175" s="33">
        <v>28</v>
      </c>
      <c r="AI175" s="32">
        <v>946.61599999999999</v>
      </c>
      <c r="AJ175" s="54">
        <v>32</v>
      </c>
    </row>
    <row r="176" spans="1:36" ht="14.1" customHeight="1" x14ac:dyDescent="0.15">
      <c r="A176" s="38">
        <v>22</v>
      </c>
      <c r="B176" s="53" t="s">
        <v>26</v>
      </c>
      <c r="C176" s="32">
        <v>20.841999999999999</v>
      </c>
      <c r="D176" s="34">
        <v>18</v>
      </c>
      <c r="E176" s="32">
        <v>0</v>
      </c>
      <c r="F176" s="34">
        <v>2</v>
      </c>
      <c r="G176" s="32">
        <v>21.614999999999998</v>
      </c>
      <c r="H176" s="34">
        <v>33</v>
      </c>
      <c r="I176" s="32">
        <v>20.841999999999999</v>
      </c>
      <c r="J176" s="36">
        <v>18</v>
      </c>
      <c r="K176" s="32">
        <v>857.05399999999997</v>
      </c>
      <c r="L176" s="34">
        <v>11</v>
      </c>
      <c r="M176" s="32">
        <v>0</v>
      </c>
      <c r="N176" s="34">
        <v>3</v>
      </c>
      <c r="O176" s="32">
        <v>1119.5039999999999</v>
      </c>
      <c r="P176" s="34">
        <v>13</v>
      </c>
      <c r="Q176" s="32">
        <v>857.05399999999997</v>
      </c>
      <c r="R176" s="36">
        <v>11</v>
      </c>
      <c r="S176" s="38">
        <v>22</v>
      </c>
      <c r="T176" s="34" t="s">
        <v>26</v>
      </c>
      <c r="U176" s="32">
        <v>206.31399999999999</v>
      </c>
      <c r="V176" s="34">
        <v>10</v>
      </c>
      <c r="W176" s="32">
        <v>0</v>
      </c>
      <c r="X176" s="34">
        <v>2</v>
      </c>
      <c r="Y176" s="32">
        <v>246.63499999999999</v>
      </c>
      <c r="Z176" s="34">
        <v>17</v>
      </c>
      <c r="AA176" s="32">
        <v>206.31399999999999</v>
      </c>
      <c r="AB176" s="36">
        <v>10</v>
      </c>
      <c r="AC176" s="32">
        <v>1084.2090000000001</v>
      </c>
      <c r="AD176" s="34">
        <v>11</v>
      </c>
      <c r="AE176" s="32">
        <v>0</v>
      </c>
      <c r="AF176" s="34">
        <v>3</v>
      </c>
      <c r="AG176" s="32">
        <v>1387.7539999999999</v>
      </c>
      <c r="AH176" s="33">
        <v>16</v>
      </c>
      <c r="AI176" s="32">
        <v>1084.2090000000001</v>
      </c>
      <c r="AJ176" s="54">
        <v>11</v>
      </c>
    </row>
    <row r="177" spans="1:36" ht="14.1" customHeight="1" x14ac:dyDescent="0.15">
      <c r="A177" s="38">
        <v>23</v>
      </c>
      <c r="B177" s="53" t="s">
        <v>25</v>
      </c>
      <c r="C177" s="32">
        <v>21.155999999999999</v>
      </c>
      <c r="D177" s="34">
        <v>15</v>
      </c>
      <c r="E177" s="32">
        <v>0</v>
      </c>
      <c r="F177" s="34">
        <v>2</v>
      </c>
      <c r="G177" s="32">
        <v>25.283999999999999</v>
      </c>
      <c r="H177" s="34">
        <v>26</v>
      </c>
      <c r="I177" s="32">
        <v>21.155999999999999</v>
      </c>
      <c r="J177" s="36">
        <v>15</v>
      </c>
      <c r="K177" s="32">
        <v>822.37599999999998</v>
      </c>
      <c r="L177" s="34">
        <v>17</v>
      </c>
      <c r="M177" s="32">
        <v>0</v>
      </c>
      <c r="N177" s="34">
        <v>3</v>
      </c>
      <c r="O177" s="32">
        <v>1059.6079999999999</v>
      </c>
      <c r="P177" s="34">
        <v>28</v>
      </c>
      <c r="Q177" s="32">
        <v>822.37599999999998</v>
      </c>
      <c r="R177" s="36">
        <v>17</v>
      </c>
      <c r="S177" s="38">
        <v>23</v>
      </c>
      <c r="T177" s="34" t="s">
        <v>25</v>
      </c>
      <c r="U177" s="32">
        <v>192.857</v>
      </c>
      <c r="V177" s="34">
        <v>26</v>
      </c>
      <c r="W177" s="32">
        <v>0</v>
      </c>
      <c r="X177" s="34">
        <v>2</v>
      </c>
      <c r="Y177" s="32">
        <v>236.536</v>
      </c>
      <c r="Z177" s="34">
        <v>24</v>
      </c>
      <c r="AA177" s="32">
        <v>192.857</v>
      </c>
      <c r="AB177" s="36">
        <v>26</v>
      </c>
      <c r="AC177" s="32">
        <v>1036.3879999999999</v>
      </c>
      <c r="AD177" s="34">
        <v>17</v>
      </c>
      <c r="AE177" s="32">
        <v>0</v>
      </c>
      <c r="AF177" s="34">
        <v>3</v>
      </c>
      <c r="AG177" s="32">
        <v>1321.4290000000001</v>
      </c>
      <c r="AH177" s="33">
        <v>25</v>
      </c>
      <c r="AI177" s="32">
        <v>1036.3879999999999</v>
      </c>
      <c r="AJ177" s="54">
        <v>17</v>
      </c>
    </row>
    <row r="178" spans="1:36" ht="14.1" customHeight="1" x14ac:dyDescent="0.15">
      <c r="A178" s="38">
        <v>24</v>
      </c>
      <c r="B178" s="53" t="s">
        <v>24</v>
      </c>
      <c r="C178" s="32">
        <v>22.530999999999999</v>
      </c>
      <c r="D178" s="34">
        <v>10</v>
      </c>
      <c r="E178" s="32">
        <v>0</v>
      </c>
      <c r="F178" s="34">
        <v>2</v>
      </c>
      <c r="G178" s="32">
        <v>26.797000000000001</v>
      </c>
      <c r="H178" s="34">
        <v>19</v>
      </c>
      <c r="I178" s="32">
        <v>22.530999999999999</v>
      </c>
      <c r="J178" s="36">
        <v>10</v>
      </c>
      <c r="K178" s="32">
        <v>882.94100000000003</v>
      </c>
      <c r="L178" s="34">
        <v>5</v>
      </c>
      <c r="M178" s="32">
        <v>0</v>
      </c>
      <c r="N178" s="34">
        <v>3</v>
      </c>
      <c r="O178" s="32">
        <v>1113.9839999999999</v>
      </c>
      <c r="P178" s="34">
        <v>17</v>
      </c>
      <c r="Q178" s="32">
        <v>882.94100000000003</v>
      </c>
      <c r="R178" s="36">
        <v>5</v>
      </c>
      <c r="S178" s="38">
        <v>24</v>
      </c>
      <c r="T178" s="34" t="s">
        <v>24</v>
      </c>
      <c r="U178" s="32">
        <v>194.143</v>
      </c>
      <c r="V178" s="34">
        <v>22</v>
      </c>
      <c r="W178" s="32">
        <v>0</v>
      </c>
      <c r="X178" s="34">
        <v>2</v>
      </c>
      <c r="Y178" s="32">
        <v>226.953</v>
      </c>
      <c r="Z178" s="34">
        <v>28</v>
      </c>
      <c r="AA178" s="32">
        <v>194.143</v>
      </c>
      <c r="AB178" s="36">
        <v>22</v>
      </c>
      <c r="AC178" s="32">
        <v>1099.615</v>
      </c>
      <c r="AD178" s="34">
        <v>7</v>
      </c>
      <c r="AE178" s="32">
        <v>0</v>
      </c>
      <c r="AF178" s="34">
        <v>3</v>
      </c>
      <c r="AG178" s="32">
        <v>1367.7339999999999</v>
      </c>
      <c r="AH178" s="33">
        <v>19</v>
      </c>
      <c r="AI178" s="32">
        <v>1099.615</v>
      </c>
      <c r="AJ178" s="54">
        <v>7</v>
      </c>
    </row>
    <row r="179" spans="1:36" ht="14.1" customHeight="1" x14ac:dyDescent="0.15">
      <c r="A179" s="38">
        <v>25</v>
      </c>
      <c r="B179" s="53" t="s">
        <v>23</v>
      </c>
      <c r="C179" s="32">
        <v>17.024000000000001</v>
      </c>
      <c r="D179" s="34">
        <v>32</v>
      </c>
      <c r="E179" s="32">
        <v>0</v>
      </c>
      <c r="F179" s="34">
        <v>2</v>
      </c>
      <c r="G179" s="32">
        <v>24.193999999999999</v>
      </c>
      <c r="H179" s="34">
        <v>31</v>
      </c>
      <c r="I179" s="32">
        <v>17.024000000000001</v>
      </c>
      <c r="J179" s="36">
        <v>32</v>
      </c>
      <c r="K179" s="32">
        <v>800.44899999999996</v>
      </c>
      <c r="L179" s="34">
        <v>24</v>
      </c>
      <c r="M179" s="32">
        <v>0</v>
      </c>
      <c r="N179" s="34">
        <v>3</v>
      </c>
      <c r="O179" s="32">
        <v>1081.048</v>
      </c>
      <c r="P179" s="34">
        <v>22</v>
      </c>
      <c r="Q179" s="32">
        <v>800.44899999999996</v>
      </c>
      <c r="R179" s="36">
        <v>24</v>
      </c>
      <c r="S179" s="38">
        <v>25</v>
      </c>
      <c r="T179" s="34" t="s">
        <v>23</v>
      </c>
      <c r="U179" s="32">
        <v>177.55699999999999</v>
      </c>
      <c r="V179" s="34">
        <v>30</v>
      </c>
      <c r="W179" s="32">
        <v>0</v>
      </c>
      <c r="X179" s="34">
        <v>2</v>
      </c>
      <c r="Y179" s="32">
        <v>207.488</v>
      </c>
      <c r="Z179" s="34">
        <v>30</v>
      </c>
      <c r="AA179" s="32">
        <v>177.55699999999999</v>
      </c>
      <c r="AB179" s="36">
        <v>30</v>
      </c>
      <c r="AC179" s="32">
        <v>995.03</v>
      </c>
      <c r="AD179" s="34">
        <v>26</v>
      </c>
      <c r="AE179" s="32">
        <v>0</v>
      </c>
      <c r="AF179" s="34">
        <v>3</v>
      </c>
      <c r="AG179" s="32">
        <v>1312.73</v>
      </c>
      <c r="AH179" s="33">
        <v>27</v>
      </c>
      <c r="AI179" s="32">
        <v>995.03</v>
      </c>
      <c r="AJ179" s="54">
        <v>26</v>
      </c>
    </row>
    <row r="180" spans="1:36" ht="14.1" customHeight="1" x14ac:dyDescent="0.15">
      <c r="A180" s="38">
        <v>26</v>
      </c>
      <c r="B180" s="53" t="s">
        <v>22</v>
      </c>
      <c r="C180" s="32">
        <v>22.434999999999999</v>
      </c>
      <c r="D180" s="34">
        <v>11</v>
      </c>
      <c r="E180" s="32">
        <v>0</v>
      </c>
      <c r="F180" s="34">
        <v>2</v>
      </c>
      <c r="G180" s="32">
        <v>24.530999999999999</v>
      </c>
      <c r="H180" s="34">
        <v>29</v>
      </c>
      <c r="I180" s="32">
        <v>22.434999999999999</v>
      </c>
      <c r="J180" s="36">
        <v>11</v>
      </c>
      <c r="K180" s="32">
        <v>882.899</v>
      </c>
      <c r="L180" s="34">
        <v>6</v>
      </c>
      <c r="M180" s="32">
        <v>0</v>
      </c>
      <c r="N180" s="34">
        <v>3</v>
      </c>
      <c r="O180" s="32">
        <v>1116.6410000000001</v>
      </c>
      <c r="P180" s="34">
        <v>15</v>
      </c>
      <c r="Q180" s="32">
        <v>882.899</v>
      </c>
      <c r="R180" s="36">
        <v>6</v>
      </c>
      <c r="S180" s="38">
        <v>26</v>
      </c>
      <c r="T180" s="34" t="s">
        <v>22</v>
      </c>
      <c r="U180" s="32">
        <v>214.12899999999999</v>
      </c>
      <c r="V180" s="34">
        <v>4</v>
      </c>
      <c r="W180" s="32">
        <v>0</v>
      </c>
      <c r="X180" s="34">
        <v>2</v>
      </c>
      <c r="Y180" s="32">
        <v>247.34399999999999</v>
      </c>
      <c r="Z180" s="34">
        <v>16</v>
      </c>
      <c r="AA180" s="32">
        <v>214.12899999999999</v>
      </c>
      <c r="AB180" s="36">
        <v>4</v>
      </c>
      <c r="AC180" s="32">
        <v>1119.463</v>
      </c>
      <c r="AD180" s="34">
        <v>5</v>
      </c>
      <c r="AE180" s="32">
        <v>0</v>
      </c>
      <c r="AF180" s="34">
        <v>3</v>
      </c>
      <c r="AG180" s="32">
        <v>1388.5160000000001</v>
      </c>
      <c r="AH180" s="33">
        <v>15</v>
      </c>
      <c r="AI180" s="32">
        <v>1119.463</v>
      </c>
      <c r="AJ180" s="31">
        <v>5</v>
      </c>
    </row>
    <row r="181" spans="1:36" ht="14.1" customHeight="1" x14ac:dyDescent="0.15">
      <c r="A181" s="38">
        <v>27</v>
      </c>
      <c r="B181" s="53" t="s">
        <v>21</v>
      </c>
      <c r="C181" s="32">
        <v>29.384</v>
      </c>
      <c r="D181" s="34">
        <v>2</v>
      </c>
      <c r="E181" s="32">
        <v>0</v>
      </c>
      <c r="F181" s="34">
        <v>2</v>
      </c>
      <c r="G181" s="32">
        <v>33.354999999999997</v>
      </c>
      <c r="H181" s="34">
        <v>3</v>
      </c>
      <c r="I181" s="32">
        <v>29.384</v>
      </c>
      <c r="J181" s="36">
        <v>2</v>
      </c>
      <c r="K181" s="32">
        <v>899.36800000000005</v>
      </c>
      <c r="L181" s="34">
        <v>3</v>
      </c>
      <c r="M181" s="32">
        <v>0</v>
      </c>
      <c r="N181" s="34">
        <v>3</v>
      </c>
      <c r="O181" s="32">
        <v>1109.8810000000001</v>
      </c>
      <c r="P181" s="34">
        <v>18</v>
      </c>
      <c r="Q181" s="32">
        <v>899.36800000000005</v>
      </c>
      <c r="R181" s="36">
        <v>3</v>
      </c>
      <c r="S181" s="38">
        <v>27</v>
      </c>
      <c r="T181" s="34" t="s">
        <v>21</v>
      </c>
      <c r="U181" s="32">
        <v>213.50700000000001</v>
      </c>
      <c r="V181" s="34">
        <v>6</v>
      </c>
      <c r="W181" s="32">
        <v>0</v>
      </c>
      <c r="X181" s="34">
        <v>2</v>
      </c>
      <c r="Y181" s="32">
        <v>242.50700000000001</v>
      </c>
      <c r="Z181" s="34">
        <v>22</v>
      </c>
      <c r="AA181" s="32">
        <v>213.50700000000001</v>
      </c>
      <c r="AB181" s="36">
        <v>6</v>
      </c>
      <c r="AC181" s="32">
        <v>1142.259</v>
      </c>
      <c r="AD181" s="34">
        <v>1</v>
      </c>
      <c r="AE181" s="32">
        <v>0</v>
      </c>
      <c r="AF181" s="34">
        <v>3</v>
      </c>
      <c r="AG181" s="32">
        <v>1385.7429999999999</v>
      </c>
      <c r="AH181" s="33">
        <v>18</v>
      </c>
      <c r="AI181" s="32">
        <v>1142.259</v>
      </c>
      <c r="AJ181" s="31">
        <v>1</v>
      </c>
    </row>
    <row r="182" spans="1:36" ht="14.1" customHeight="1" x14ac:dyDescent="0.15">
      <c r="A182" s="38">
        <v>28</v>
      </c>
      <c r="B182" s="53" t="s">
        <v>20</v>
      </c>
      <c r="C182" s="32">
        <v>23.475999999999999</v>
      </c>
      <c r="D182" s="34">
        <v>7</v>
      </c>
      <c r="E182" s="32">
        <v>0</v>
      </c>
      <c r="F182" s="34">
        <v>2</v>
      </c>
      <c r="G182" s="32">
        <v>27.443999999999999</v>
      </c>
      <c r="H182" s="34">
        <v>14</v>
      </c>
      <c r="I182" s="32">
        <v>23.475999999999999</v>
      </c>
      <c r="J182" s="36">
        <v>7</v>
      </c>
      <c r="K182" s="32">
        <v>900.35500000000002</v>
      </c>
      <c r="L182" s="34">
        <v>2</v>
      </c>
      <c r="M182" s="32">
        <v>0</v>
      </c>
      <c r="N182" s="34">
        <v>3</v>
      </c>
      <c r="O182" s="32">
        <v>1217.06</v>
      </c>
      <c r="P182" s="34">
        <v>3</v>
      </c>
      <c r="Q182" s="32">
        <v>900.35500000000002</v>
      </c>
      <c r="R182" s="36">
        <v>2</v>
      </c>
      <c r="S182" s="38">
        <v>28</v>
      </c>
      <c r="T182" s="34" t="s">
        <v>20</v>
      </c>
      <c r="U182" s="32">
        <v>204.64400000000001</v>
      </c>
      <c r="V182" s="34">
        <v>14</v>
      </c>
      <c r="W182" s="32">
        <v>0</v>
      </c>
      <c r="X182" s="34">
        <v>2</v>
      </c>
      <c r="Y182" s="32">
        <v>257.24900000000002</v>
      </c>
      <c r="Z182" s="34">
        <v>10</v>
      </c>
      <c r="AA182" s="32">
        <v>204.64400000000001</v>
      </c>
      <c r="AB182" s="36">
        <v>14</v>
      </c>
      <c r="AC182" s="32">
        <v>1128.4749999999999</v>
      </c>
      <c r="AD182" s="34">
        <v>3</v>
      </c>
      <c r="AE182" s="32">
        <v>0</v>
      </c>
      <c r="AF182" s="34">
        <v>3</v>
      </c>
      <c r="AG182" s="32">
        <v>1501.7529999999999</v>
      </c>
      <c r="AH182" s="33">
        <v>3</v>
      </c>
      <c r="AI182" s="32">
        <v>1128.4749999999999</v>
      </c>
      <c r="AJ182" s="31">
        <v>3</v>
      </c>
    </row>
    <row r="183" spans="1:36" ht="14.1" customHeight="1" x14ac:dyDescent="0.15">
      <c r="A183" s="38">
        <v>29</v>
      </c>
      <c r="B183" s="53" t="s">
        <v>19</v>
      </c>
      <c r="C183" s="32">
        <v>27.585999999999999</v>
      </c>
      <c r="D183" s="34">
        <v>3</v>
      </c>
      <c r="E183" s="32">
        <v>0</v>
      </c>
      <c r="F183" s="34">
        <v>2</v>
      </c>
      <c r="G183" s="32">
        <v>36.122</v>
      </c>
      <c r="H183" s="34">
        <v>1</v>
      </c>
      <c r="I183" s="32">
        <v>27.585999999999999</v>
      </c>
      <c r="J183" s="36">
        <v>3</v>
      </c>
      <c r="K183" s="32">
        <v>809.80799999999999</v>
      </c>
      <c r="L183" s="34">
        <v>20</v>
      </c>
      <c r="M183" s="32">
        <v>0</v>
      </c>
      <c r="N183" s="34">
        <v>3</v>
      </c>
      <c r="O183" s="32">
        <v>1099.598</v>
      </c>
      <c r="P183" s="34">
        <v>20</v>
      </c>
      <c r="Q183" s="32">
        <v>809.80799999999999</v>
      </c>
      <c r="R183" s="36">
        <v>20</v>
      </c>
      <c r="S183" s="38">
        <v>29</v>
      </c>
      <c r="T183" s="34" t="s">
        <v>19</v>
      </c>
      <c r="U183" s="32">
        <v>183.48699999999999</v>
      </c>
      <c r="V183" s="34">
        <v>28</v>
      </c>
      <c r="W183" s="32">
        <v>0</v>
      </c>
      <c r="X183" s="34">
        <v>2</v>
      </c>
      <c r="Y183" s="32">
        <v>224.94</v>
      </c>
      <c r="Z183" s="34">
        <v>29</v>
      </c>
      <c r="AA183" s="32">
        <v>183.48699999999999</v>
      </c>
      <c r="AB183" s="36">
        <v>28</v>
      </c>
      <c r="AC183" s="32">
        <v>1020.881</v>
      </c>
      <c r="AD183" s="34">
        <v>22</v>
      </c>
      <c r="AE183" s="32">
        <v>0</v>
      </c>
      <c r="AF183" s="34">
        <v>3</v>
      </c>
      <c r="AG183" s="32">
        <v>1360.66</v>
      </c>
      <c r="AH183" s="33">
        <v>20</v>
      </c>
      <c r="AI183" s="32">
        <v>1020.881</v>
      </c>
      <c r="AJ183" s="31">
        <v>22</v>
      </c>
    </row>
    <row r="184" spans="1:36" ht="14.1" customHeight="1" x14ac:dyDescent="0.15">
      <c r="A184" s="38">
        <v>30</v>
      </c>
      <c r="B184" s="53" t="s">
        <v>18</v>
      </c>
      <c r="C184" s="32">
        <v>24.62</v>
      </c>
      <c r="D184" s="34">
        <v>5</v>
      </c>
      <c r="E184" s="32">
        <v>0</v>
      </c>
      <c r="F184" s="34">
        <v>2</v>
      </c>
      <c r="G184" s="32">
        <v>28.998000000000001</v>
      </c>
      <c r="H184" s="34">
        <v>9</v>
      </c>
      <c r="I184" s="32">
        <v>24.62</v>
      </c>
      <c r="J184" s="36">
        <v>5</v>
      </c>
      <c r="K184" s="32">
        <v>804.23</v>
      </c>
      <c r="L184" s="34">
        <v>22</v>
      </c>
      <c r="M184" s="32">
        <v>0</v>
      </c>
      <c r="N184" s="34">
        <v>3</v>
      </c>
      <c r="O184" s="32">
        <v>1045.857</v>
      </c>
      <c r="P184" s="34">
        <v>29</v>
      </c>
      <c r="Q184" s="32">
        <v>804.23</v>
      </c>
      <c r="R184" s="36">
        <v>22</v>
      </c>
      <c r="S184" s="38">
        <v>30</v>
      </c>
      <c r="T184" s="34" t="s">
        <v>18</v>
      </c>
      <c r="U184" s="32">
        <v>159.93299999999999</v>
      </c>
      <c r="V184" s="34">
        <v>32</v>
      </c>
      <c r="W184" s="32">
        <v>0</v>
      </c>
      <c r="X184" s="34">
        <v>2</v>
      </c>
      <c r="Y184" s="32">
        <v>181.88800000000001</v>
      </c>
      <c r="Z184" s="34">
        <v>32</v>
      </c>
      <c r="AA184" s="32">
        <v>159.93299999999999</v>
      </c>
      <c r="AB184" s="36">
        <v>32</v>
      </c>
      <c r="AC184" s="32">
        <v>988.78300000000002</v>
      </c>
      <c r="AD184" s="34">
        <v>28</v>
      </c>
      <c r="AE184" s="32">
        <v>0</v>
      </c>
      <c r="AF184" s="34">
        <v>3</v>
      </c>
      <c r="AG184" s="32">
        <v>1256.7439999999999</v>
      </c>
      <c r="AH184" s="33">
        <v>32</v>
      </c>
      <c r="AI184" s="32">
        <v>988.78300000000002</v>
      </c>
      <c r="AJ184" s="31">
        <v>28</v>
      </c>
    </row>
    <row r="185" spans="1:36" ht="14.1" customHeight="1" x14ac:dyDescent="0.15">
      <c r="A185" s="38">
        <v>31</v>
      </c>
      <c r="B185" s="53" t="s">
        <v>17</v>
      </c>
      <c r="C185" s="32">
        <v>23.768000000000001</v>
      </c>
      <c r="D185" s="34">
        <v>6</v>
      </c>
      <c r="E185" s="32">
        <v>0</v>
      </c>
      <c r="F185" s="34">
        <v>2</v>
      </c>
      <c r="G185" s="32">
        <v>30.317</v>
      </c>
      <c r="H185" s="34">
        <v>5</v>
      </c>
      <c r="I185" s="32">
        <v>23.768000000000001</v>
      </c>
      <c r="J185" s="36">
        <v>6</v>
      </c>
      <c r="K185" s="32">
        <v>824.31500000000005</v>
      </c>
      <c r="L185" s="34">
        <v>16</v>
      </c>
      <c r="M185" s="32">
        <v>0</v>
      </c>
      <c r="N185" s="34">
        <v>3</v>
      </c>
      <c r="O185" s="32">
        <v>1064.9839999999999</v>
      </c>
      <c r="P185" s="34">
        <v>26</v>
      </c>
      <c r="Q185" s="32">
        <v>824.31500000000005</v>
      </c>
      <c r="R185" s="36">
        <v>16</v>
      </c>
      <c r="S185" s="38">
        <v>31</v>
      </c>
      <c r="T185" s="34" t="s">
        <v>17</v>
      </c>
      <c r="U185" s="32">
        <v>164.66900000000001</v>
      </c>
      <c r="V185" s="34">
        <v>31</v>
      </c>
      <c r="W185" s="32">
        <v>0</v>
      </c>
      <c r="X185" s="34">
        <v>2</v>
      </c>
      <c r="Y185" s="32">
        <v>190.79400000000001</v>
      </c>
      <c r="Z185" s="34">
        <v>31</v>
      </c>
      <c r="AA185" s="32">
        <v>164.66900000000001</v>
      </c>
      <c r="AB185" s="36">
        <v>31</v>
      </c>
      <c r="AC185" s="32">
        <v>1012.752</v>
      </c>
      <c r="AD185" s="34">
        <v>24</v>
      </c>
      <c r="AE185" s="32">
        <v>0</v>
      </c>
      <c r="AF185" s="34">
        <v>3</v>
      </c>
      <c r="AG185" s="32">
        <v>1286.095</v>
      </c>
      <c r="AH185" s="33">
        <v>30</v>
      </c>
      <c r="AI185" s="32">
        <v>1012.752</v>
      </c>
      <c r="AJ185" s="31">
        <v>24</v>
      </c>
    </row>
    <row r="186" spans="1:36" ht="14.1" customHeight="1" x14ac:dyDescent="0.15">
      <c r="A186" s="38">
        <v>32</v>
      </c>
      <c r="B186" s="53" t="s">
        <v>16</v>
      </c>
      <c r="C186" s="32">
        <v>22.768999999999998</v>
      </c>
      <c r="D186" s="34">
        <v>9</v>
      </c>
      <c r="E186" s="32">
        <v>0</v>
      </c>
      <c r="F186" s="34">
        <v>2</v>
      </c>
      <c r="G186" s="32">
        <v>27.704999999999998</v>
      </c>
      <c r="H186" s="34">
        <v>11</v>
      </c>
      <c r="I186" s="32">
        <v>22.768999999999998</v>
      </c>
      <c r="J186" s="36">
        <v>9</v>
      </c>
      <c r="K186" s="32">
        <v>771.12099999999998</v>
      </c>
      <c r="L186" s="34">
        <v>31</v>
      </c>
      <c r="M186" s="32">
        <v>0</v>
      </c>
      <c r="N186" s="34">
        <v>3</v>
      </c>
      <c r="O186" s="32">
        <v>1038.375</v>
      </c>
      <c r="P186" s="34">
        <v>30</v>
      </c>
      <c r="Q186" s="32">
        <v>771.12099999999998</v>
      </c>
      <c r="R186" s="36">
        <v>31</v>
      </c>
      <c r="S186" s="38">
        <v>32</v>
      </c>
      <c r="T186" s="34" t="s">
        <v>16</v>
      </c>
      <c r="U186" s="32">
        <v>149.92699999999999</v>
      </c>
      <c r="V186" s="34">
        <v>33</v>
      </c>
      <c r="W186" s="32">
        <v>0</v>
      </c>
      <c r="X186" s="34">
        <v>2</v>
      </c>
      <c r="Y186" s="32">
        <v>178.023</v>
      </c>
      <c r="Z186" s="34">
        <v>33</v>
      </c>
      <c r="AA186" s="32">
        <v>149.92699999999999</v>
      </c>
      <c r="AB186" s="36">
        <v>33</v>
      </c>
      <c r="AC186" s="32">
        <v>943.81700000000001</v>
      </c>
      <c r="AD186" s="34">
        <v>33</v>
      </c>
      <c r="AE186" s="32">
        <v>0</v>
      </c>
      <c r="AF186" s="34">
        <v>3</v>
      </c>
      <c r="AG186" s="32">
        <v>1244.1030000000001</v>
      </c>
      <c r="AH186" s="33">
        <v>33</v>
      </c>
      <c r="AI186" s="32">
        <v>943.81700000000001</v>
      </c>
      <c r="AJ186" s="31">
        <v>33</v>
      </c>
    </row>
    <row r="187" spans="1:36" ht="14.1" customHeight="1" thickBot="1" x14ac:dyDescent="0.2">
      <c r="A187" s="51">
        <v>33</v>
      </c>
      <c r="B187" s="52" t="s">
        <v>15</v>
      </c>
      <c r="C187" s="16">
        <v>31.893000000000001</v>
      </c>
      <c r="D187" s="24">
        <v>1</v>
      </c>
      <c r="E187" s="22">
        <v>0</v>
      </c>
      <c r="F187" s="24">
        <v>2</v>
      </c>
      <c r="G187" s="16">
        <v>33.411000000000001</v>
      </c>
      <c r="H187" s="24">
        <v>2</v>
      </c>
      <c r="I187" s="22">
        <v>31.893000000000001</v>
      </c>
      <c r="J187" s="26">
        <v>1</v>
      </c>
      <c r="K187" s="16">
        <v>799.74599999999998</v>
      </c>
      <c r="L187" s="24">
        <v>25</v>
      </c>
      <c r="M187" s="22">
        <v>0</v>
      </c>
      <c r="N187" s="24">
        <v>3</v>
      </c>
      <c r="O187" s="16">
        <v>1005.8</v>
      </c>
      <c r="P187" s="24">
        <v>33</v>
      </c>
      <c r="Q187" s="22">
        <v>799.74599999999998</v>
      </c>
      <c r="R187" s="26">
        <v>25</v>
      </c>
      <c r="S187" s="51">
        <v>33</v>
      </c>
      <c r="T187" s="24" t="s">
        <v>15</v>
      </c>
      <c r="U187" s="16">
        <v>203.43100000000001</v>
      </c>
      <c r="V187" s="24">
        <v>15</v>
      </c>
      <c r="W187" s="22">
        <v>0</v>
      </c>
      <c r="X187" s="24">
        <v>2</v>
      </c>
      <c r="Y187" s="16">
        <v>240.13900000000001</v>
      </c>
      <c r="Z187" s="24">
        <v>23</v>
      </c>
      <c r="AA187" s="22">
        <v>203.43100000000001</v>
      </c>
      <c r="AB187" s="26">
        <v>15</v>
      </c>
      <c r="AC187" s="16">
        <v>1035.07</v>
      </c>
      <c r="AD187" s="24">
        <v>19</v>
      </c>
      <c r="AE187" s="22">
        <v>0</v>
      </c>
      <c r="AF187" s="24">
        <v>3</v>
      </c>
      <c r="AG187" s="16">
        <v>1279.3499999999999</v>
      </c>
      <c r="AH187" s="23">
        <v>31</v>
      </c>
      <c r="AI187" s="22">
        <v>1035.07</v>
      </c>
      <c r="AJ187" s="21">
        <v>19</v>
      </c>
    </row>
    <row r="188" spans="1:36" ht="14.1" customHeight="1" thickTop="1" x14ac:dyDescent="0.15">
      <c r="A188" s="48">
        <v>301</v>
      </c>
      <c r="B188" s="40" t="s">
        <v>14</v>
      </c>
      <c r="C188" s="43">
        <v>8.3249999999999993</v>
      </c>
      <c r="D188" s="44">
        <v>5</v>
      </c>
      <c r="E188" s="50" t="s">
        <v>79</v>
      </c>
      <c r="F188" s="49" t="s">
        <v>79</v>
      </c>
      <c r="G188" s="43">
        <v>19.228999999999999</v>
      </c>
      <c r="H188" s="44">
        <v>6</v>
      </c>
      <c r="I188" s="41">
        <v>8.3249999999999993</v>
      </c>
      <c r="J188" s="47">
        <v>5</v>
      </c>
      <c r="K188" s="43">
        <v>567.27</v>
      </c>
      <c r="L188" s="44">
        <v>6</v>
      </c>
      <c r="M188" s="46" t="s">
        <v>79</v>
      </c>
      <c r="N188" s="45" t="s">
        <v>79</v>
      </c>
      <c r="O188" s="43">
        <v>768.43</v>
      </c>
      <c r="P188" s="44">
        <v>6</v>
      </c>
      <c r="Q188" s="41">
        <v>567.27</v>
      </c>
      <c r="R188" s="47">
        <v>6</v>
      </c>
      <c r="S188" s="48">
        <v>301</v>
      </c>
      <c r="T188" s="37" t="s">
        <v>14</v>
      </c>
      <c r="U188" s="43">
        <v>202.679</v>
      </c>
      <c r="V188" s="44">
        <v>1</v>
      </c>
      <c r="W188" s="46" t="s">
        <v>79</v>
      </c>
      <c r="X188" s="45" t="s">
        <v>79</v>
      </c>
      <c r="Y188" s="43">
        <v>264.24200000000002</v>
      </c>
      <c r="Z188" s="44">
        <v>3</v>
      </c>
      <c r="AA188" s="41">
        <v>202.679</v>
      </c>
      <c r="AB188" s="47">
        <v>1</v>
      </c>
      <c r="AC188" s="43">
        <v>778.274</v>
      </c>
      <c r="AD188" s="44">
        <v>4</v>
      </c>
      <c r="AE188" s="46" t="s">
        <v>79</v>
      </c>
      <c r="AF188" s="45" t="s">
        <v>79</v>
      </c>
      <c r="AG188" s="43">
        <v>1051.9010000000001</v>
      </c>
      <c r="AH188" s="42">
        <v>6</v>
      </c>
      <c r="AI188" s="41">
        <v>778.274</v>
      </c>
      <c r="AJ188" s="31">
        <v>4</v>
      </c>
    </row>
    <row r="189" spans="1:36" ht="14.1" customHeight="1" x14ac:dyDescent="0.15">
      <c r="A189" s="38">
        <v>302</v>
      </c>
      <c r="B189" s="40" t="s">
        <v>13</v>
      </c>
      <c r="C189" s="32">
        <v>8.4489999999999998</v>
      </c>
      <c r="D189" s="34">
        <v>4</v>
      </c>
      <c r="E189" s="39" t="s">
        <v>79</v>
      </c>
      <c r="F189" s="39" t="s">
        <v>79</v>
      </c>
      <c r="G189" s="32">
        <v>20.826000000000001</v>
      </c>
      <c r="H189" s="34">
        <v>5</v>
      </c>
      <c r="I189" s="32">
        <v>8.4489999999999998</v>
      </c>
      <c r="J189" s="36">
        <v>4</v>
      </c>
      <c r="K189" s="32">
        <v>621.90899999999999</v>
      </c>
      <c r="L189" s="34">
        <v>3</v>
      </c>
      <c r="M189" s="35" t="s">
        <v>79</v>
      </c>
      <c r="N189" s="35" t="s">
        <v>79</v>
      </c>
      <c r="O189" s="32">
        <v>1023.452</v>
      </c>
      <c r="P189" s="34">
        <v>5</v>
      </c>
      <c r="Q189" s="32">
        <v>621.90899999999999</v>
      </c>
      <c r="R189" s="36">
        <v>3</v>
      </c>
      <c r="S189" s="38">
        <v>302</v>
      </c>
      <c r="T189" s="37" t="s">
        <v>12</v>
      </c>
      <c r="U189" s="32">
        <v>70.016000000000005</v>
      </c>
      <c r="V189" s="34">
        <v>6</v>
      </c>
      <c r="W189" s="35" t="s">
        <v>79</v>
      </c>
      <c r="X189" s="35" t="s">
        <v>79</v>
      </c>
      <c r="Y189" s="32">
        <v>63.226999999999997</v>
      </c>
      <c r="Z189" s="34">
        <v>6</v>
      </c>
      <c r="AA189" s="32">
        <v>70.016000000000005</v>
      </c>
      <c r="AB189" s="36">
        <v>6</v>
      </c>
      <c r="AC189" s="32">
        <v>700.37400000000002</v>
      </c>
      <c r="AD189" s="34">
        <v>6</v>
      </c>
      <c r="AE189" s="35" t="s">
        <v>79</v>
      </c>
      <c r="AF189" s="35" t="s">
        <v>79</v>
      </c>
      <c r="AG189" s="32">
        <v>1107.5050000000001</v>
      </c>
      <c r="AH189" s="33">
        <v>5</v>
      </c>
      <c r="AI189" s="32">
        <v>700.37400000000002</v>
      </c>
      <c r="AJ189" s="31">
        <v>6</v>
      </c>
    </row>
    <row r="190" spans="1:36" ht="14.1" customHeight="1" x14ac:dyDescent="0.15">
      <c r="A190" s="38">
        <v>303</v>
      </c>
      <c r="B190" s="40" t="s">
        <v>11</v>
      </c>
      <c r="C190" s="32">
        <v>10.725</v>
      </c>
      <c r="D190" s="34">
        <v>1</v>
      </c>
      <c r="E190" s="39" t="s">
        <v>79</v>
      </c>
      <c r="F190" s="39" t="s">
        <v>79</v>
      </c>
      <c r="G190" s="32">
        <v>23.423999999999999</v>
      </c>
      <c r="H190" s="34">
        <v>3</v>
      </c>
      <c r="I190" s="32">
        <v>10.725</v>
      </c>
      <c r="J190" s="36">
        <v>1</v>
      </c>
      <c r="K190" s="32">
        <v>664.89099999999996</v>
      </c>
      <c r="L190" s="34">
        <v>2</v>
      </c>
      <c r="M190" s="35" t="s">
        <v>79</v>
      </c>
      <c r="N190" s="35" t="s">
        <v>79</v>
      </c>
      <c r="O190" s="32">
        <v>1186.9090000000001</v>
      </c>
      <c r="P190" s="34">
        <v>2</v>
      </c>
      <c r="Q190" s="32">
        <v>664.89099999999996</v>
      </c>
      <c r="R190" s="36">
        <v>2</v>
      </c>
      <c r="S190" s="38">
        <v>303</v>
      </c>
      <c r="T190" s="37" t="s">
        <v>11</v>
      </c>
      <c r="U190" s="32">
        <v>202.572</v>
      </c>
      <c r="V190" s="34">
        <v>2</v>
      </c>
      <c r="W190" s="35" t="s">
        <v>79</v>
      </c>
      <c r="X190" s="35" t="s">
        <v>79</v>
      </c>
      <c r="Y190" s="32">
        <v>294.221</v>
      </c>
      <c r="Z190" s="34">
        <v>2</v>
      </c>
      <c r="AA190" s="32">
        <v>202.572</v>
      </c>
      <c r="AB190" s="36">
        <v>2</v>
      </c>
      <c r="AC190" s="32">
        <v>878.18799999999999</v>
      </c>
      <c r="AD190" s="34">
        <v>2</v>
      </c>
      <c r="AE190" s="35" t="s">
        <v>79</v>
      </c>
      <c r="AF190" s="35" t="s">
        <v>79</v>
      </c>
      <c r="AG190" s="32">
        <v>1504.5530000000001</v>
      </c>
      <c r="AH190" s="33">
        <v>2</v>
      </c>
      <c r="AI190" s="32">
        <v>878.18799999999999</v>
      </c>
      <c r="AJ190" s="31">
        <v>2</v>
      </c>
    </row>
    <row r="191" spans="1:36" ht="14.1" customHeight="1" x14ac:dyDescent="0.15">
      <c r="A191" s="38">
        <v>304</v>
      </c>
      <c r="B191" s="40" t="s">
        <v>10</v>
      </c>
      <c r="C191" s="32">
        <v>7.899</v>
      </c>
      <c r="D191" s="34">
        <v>6</v>
      </c>
      <c r="E191" s="39" t="s">
        <v>79</v>
      </c>
      <c r="F191" s="39" t="s">
        <v>79</v>
      </c>
      <c r="G191" s="32">
        <v>23.72</v>
      </c>
      <c r="H191" s="34">
        <v>2</v>
      </c>
      <c r="I191" s="32">
        <v>7.899</v>
      </c>
      <c r="J191" s="36">
        <v>6</v>
      </c>
      <c r="K191" s="32">
        <v>743.06299999999999</v>
      </c>
      <c r="L191" s="34">
        <v>1</v>
      </c>
      <c r="M191" s="35" t="s">
        <v>79</v>
      </c>
      <c r="N191" s="35" t="s">
        <v>79</v>
      </c>
      <c r="O191" s="32">
        <v>1191.105</v>
      </c>
      <c r="P191" s="34">
        <v>1</v>
      </c>
      <c r="Q191" s="32">
        <v>743.06299999999999</v>
      </c>
      <c r="R191" s="36">
        <v>1</v>
      </c>
      <c r="S191" s="38">
        <v>304</v>
      </c>
      <c r="T191" s="37" t="s">
        <v>9</v>
      </c>
      <c r="U191" s="32">
        <v>201.161</v>
      </c>
      <c r="V191" s="34">
        <v>3</v>
      </c>
      <c r="W191" s="35" t="s">
        <v>79</v>
      </c>
      <c r="X191" s="35" t="s">
        <v>79</v>
      </c>
      <c r="Y191" s="32">
        <v>297.57400000000001</v>
      </c>
      <c r="Z191" s="34">
        <v>1</v>
      </c>
      <c r="AA191" s="32">
        <v>201.161</v>
      </c>
      <c r="AB191" s="36">
        <v>3</v>
      </c>
      <c r="AC191" s="32">
        <v>952.12300000000005</v>
      </c>
      <c r="AD191" s="34">
        <v>1</v>
      </c>
      <c r="AE191" s="35" t="s">
        <v>79</v>
      </c>
      <c r="AF191" s="35" t="s">
        <v>79</v>
      </c>
      <c r="AG191" s="32">
        <v>1512.3989999999999</v>
      </c>
      <c r="AH191" s="33">
        <v>1</v>
      </c>
      <c r="AI191" s="32">
        <v>952.12300000000005</v>
      </c>
      <c r="AJ191" s="31">
        <v>1</v>
      </c>
    </row>
    <row r="192" spans="1:36" ht="14.1" customHeight="1" x14ac:dyDescent="0.15">
      <c r="A192" s="38">
        <v>305</v>
      </c>
      <c r="B192" s="40" t="s">
        <v>8</v>
      </c>
      <c r="C192" s="32">
        <v>8.7579999999999991</v>
      </c>
      <c r="D192" s="34">
        <v>3</v>
      </c>
      <c r="E192" s="39" t="s">
        <v>79</v>
      </c>
      <c r="F192" s="39" t="s">
        <v>79</v>
      </c>
      <c r="G192" s="32">
        <v>22.071000000000002</v>
      </c>
      <c r="H192" s="34">
        <v>4</v>
      </c>
      <c r="I192" s="32">
        <v>8.7579999999999991</v>
      </c>
      <c r="J192" s="36">
        <v>3</v>
      </c>
      <c r="K192" s="32">
        <v>604.55100000000004</v>
      </c>
      <c r="L192" s="34">
        <v>4</v>
      </c>
      <c r="M192" s="35" t="s">
        <v>79</v>
      </c>
      <c r="N192" s="35" t="s">
        <v>79</v>
      </c>
      <c r="O192" s="32">
        <v>1141.9459999999999</v>
      </c>
      <c r="P192" s="34">
        <v>4</v>
      </c>
      <c r="Q192" s="32">
        <v>604.55100000000004</v>
      </c>
      <c r="R192" s="36">
        <v>4</v>
      </c>
      <c r="S192" s="38">
        <v>305</v>
      </c>
      <c r="T192" s="37" t="s">
        <v>8</v>
      </c>
      <c r="U192" s="32">
        <v>168.95099999999999</v>
      </c>
      <c r="V192" s="34">
        <v>4</v>
      </c>
      <c r="W192" s="35" t="s">
        <v>79</v>
      </c>
      <c r="X192" s="35" t="s">
        <v>79</v>
      </c>
      <c r="Y192" s="32">
        <v>213.18</v>
      </c>
      <c r="Z192" s="34">
        <v>5</v>
      </c>
      <c r="AA192" s="32">
        <v>168.95099999999999</v>
      </c>
      <c r="AB192" s="36">
        <v>4</v>
      </c>
      <c r="AC192" s="32">
        <v>782.26</v>
      </c>
      <c r="AD192" s="34">
        <v>3</v>
      </c>
      <c r="AE192" s="35" t="s">
        <v>79</v>
      </c>
      <c r="AF192" s="35" t="s">
        <v>79</v>
      </c>
      <c r="AG192" s="32">
        <v>1377.1969999999999</v>
      </c>
      <c r="AH192" s="33">
        <v>4</v>
      </c>
      <c r="AI192" s="32">
        <v>782.26</v>
      </c>
      <c r="AJ192" s="31">
        <v>3</v>
      </c>
    </row>
    <row r="193" spans="1:36" ht="14.1" customHeight="1" thickBot="1" x14ac:dyDescent="0.2">
      <c r="A193" s="28">
        <v>306</v>
      </c>
      <c r="B193" s="30" t="s">
        <v>7</v>
      </c>
      <c r="C193" s="16">
        <v>10.002000000000001</v>
      </c>
      <c r="D193" s="24">
        <v>2</v>
      </c>
      <c r="E193" s="29" t="s">
        <v>79</v>
      </c>
      <c r="F193" s="29" t="s">
        <v>79</v>
      </c>
      <c r="G193" s="16">
        <v>27.901</v>
      </c>
      <c r="H193" s="24">
        <v>1</v>
      </c>
      <c r="I193" s="22">
        <v>10.002000000000001</v>
      </c>
      <c r="J193" s="26">
        <v>2</v>
      </c>
      <c r="K193" s="16">
        <v>572.63599999999997</v>
      </c>
      <c r="L193" s="24">
        <v>5</v>
      </c>
      <c r="M193" s="25" t="s">
        <v>79</v>
      </c>
      <c r="N193" s="25" t="s">
        <v>79</v>
      </c>
      <c r="O193" s="16">
        <v>1155.693</v>
      </c>
      <c r="P193" s="24">
        <v>3</v>
      </c>
      <c r="Q193" s="16">
        <v>572.63599999999997</v>
      </c>
      <c r="R193" s="26">
        <v>5</v>
      </c>
      <c r="S193" s="28">
        <v>306</v>
      </c>
      <c r="T193" s="27" t="s">
        <v>7</v>
      </c>
      <c r="U193" s="16">
        <v>158.911</v>
      </c>
      <c r="V193" s="24">
        <v>5</v>
      </c>
      <c r="W193" s="25" t="s">
        <v>79</v>
      </c>
      <c r="X193" s="25" t="s">
        <v>79</v>
      </c>
      <c r="Y193" s="16">
        <v>216.977</v>
      </c>
      <c r="Z193" s="24">
        <v>4</v>
      </c>
      <c r="AA193" s="16">
        <v>158.911</v>
      </c>
      <c r="AB193" s="26">
        <v>5</v>
      </c>
      <c r="AC193" s="16">
        <v>741.55</v>
      </c>
      <c r="AD193" s="24">
        <v>5</v>
      </c>
      <c r="AE193" s="25" t="s">
        <v>79</v>
      </c>
      <c r="AF193" s="25" t="s">
        <v>79</v>
      </c>
      <c r="AG193" s="16">
        <v>1400.5709999999999</v>
      </c>
      <c r="AH193" s="23">
        <v>3</v>
      </c>
      <c r="AI193" s="22">
        <v>741.55</v>
      </c>
      <c r="AJ193" s="21">
        <v>5</v>
      </c>
    </row>
    <row r="194" spans="1:36" ht="14.1" customHeight="1" thickTop="1" thickBot="1" x14ac:dyDescent="0.2">
      <c r="A194" s="354" t="s">
        <v>6</v>
      </c>
      <c r="B194" s="355"/>
      <c r="C194" s="16">
        <v>19.712</v>
      </c>
      <c r="D194" s="17" t="s">
        <v>79</v>
      </c>
      <c r="E194" s="20">
        <v>-1700</v>
      </c>
      <c r="F194" s="17" t="s">
        <v>79</v>
      </c>
      <c r="G194" s="16">
        <v>27.173999999999999</v>
      </c>
      <c r="H194" s="17" t="s">
        <v>79</v>
      </c>
      <c r="I194" s="14">
        <v>19.71</v>
      </c>
      <c r="J194" s="18" t="s">
        <v>79</v>
      </c>
      <c r="K194" s="16">
        <v>837.04600000000005</v>
      </c>
      <c r="L194" s="15" t="s">
        <v>79</v>
      </c>
      <c r="M194" s="20">
        <v>200</v>
      </c>
      <c r="N194" s="15" t="s">
        <v>79</v>
      </c>
      <c r="O194" s="16">
        <v>1169.345</v>
      </c>
      <c r="P194" s="15" t="s">
        <v>79</v>
      </c>
      <c r="Q194" s="14">
        <v>837.04499999999996</v>
      </c>
      <c r="R194" s="13" t="s">
        <v>79</v>
      </c>
      <c r="S194" s="354" t="s">
        <v>5</v>
      </c>
      <c r="T194" s="355"/>
      <c r="U194" s="16">
        <v>202.828</v>
      </c>
      <c r="V194" s="15" t="s">
        <v>79</v>
      </c>
      <c r="W194" s="20">
        <v>-650</v>
      </c>
      <c r="X194" s="15" t="s">
        <v>79</v>
      </c>
      <c r="Y194" s="16">
        <v>257.78100000000001</v>
      </c>
      <c r="Z194" s="15" t="s">
        <v>79</v>
      </c>
      <c r="AA194" s="20">
        <v>202.827</v>
      </c>
      <c r="AB194" s="13" t="s">
        <v>79</v>
      </c>
      <c r="AC194" s="16">
        <v>1059.585</v>
      </c>
      <c r="AD194" s="15" t="s">
        <v>79</v>
      </c>
      <c r="AE194" s="20">
        <v>-2150</v>
      </c>
      <c r="AF194" s="15" t="s">
        <v>79</v>
      </c>
      <c r="AG194" s="16">
        <v>1454.3</v>
      </c>
      <c r="AH194" s="15" t="s">
        <v>79</v>
      </c>
      <c r="AI194" s="14">
        <v>1059.5809999999999</v>
      </c>
      <c r="AJ194" s="13" t="s">
        <v>79</v>
      </c>
    </row>
    <row r="195" spans="1:36" ht="14.1" customHeight="1" thickTop="1" thickBot="1" x14ac:dyDescent="0.2">
      <c r="A195" s="357" t="s">
        <v>4</v>
      </c>
      <c r="B195" s="355"/>
      <c r="C195" s="16">
        <v>21.827999999999999</v>
      </c>
      <c r="D195" s="17" t="s">
        <v>79</v>
      </c>
      <c r="E195" s="16">
        <v>0</v>
      </c>
      <c r="F195" s="17" t="s">
        <v>79</v>
      </c>
      <c r="G195" s="16">
        <v>27.114999999999998</v>
      </c>
      <c r="H195" s="17" t="s">
        <v>79</v>
      </c>
      <c r="I195" s="14">
        <v>21.827999999999999</v>
      </c>
      <c r="J195" s="18" t="s">
        <v>79</v>
      </c>
      <c r="K195" s="16">
        <v>822.35400000000004</v>
      </c>
      <c r="L195" s="15" t="s">
        <v>79</v>
      </c>
      <c r="M195" s="16">
        <v>0</v>
      </c>
      <c r="N195" s="15" t="s">
        <v>79</v>
      </c>
      <c r="O195" s="16">
        <v>1093.6500000000001</v>
      </c>
      <c r="P195" s="15" t="s">
        <v>79</v>
      </c>
      <c r="Q195" s="19">
        <v>822.35400000000004</v>
      </c>
      <c r="R195" s="13" t="s">
        <v>79</v>
      </c>
      <c r="S195" s="357" t="s">
        <v>4</v>
      </c>
      <c r="T195" s="355"/>
      <c r="U195" s="16">
        <v>187.92099999999999</v>
      </c>
      <c r="V195" s="15" t="s">
        <v>79</v>
      </c>
      <c r="W195" s="16">
        <v>0</v>
      </c>
      <c r="X195" s="15" t="s">
        <v>79</v>
      </c>
      <c r="Y195" s="16">
        <v>226.584</v>
      </c>
      <c r="Z195" s="15" t="s">
        <v>79</v>
      </c>
      <c r="AA195" s="20">
        <v>187.92099999999999</v>
      </c>
      <c r="AB195" s="13" t="s">
        <v>79</v>
      </c>
      <c r="AC195" s="16">
        <v>1032.1030000000001</v>
      </c>
      <c r="AD195" s="15" t="s">
        <v>79</v>
      </c>
      <c r="AE195" s="16">
        <v>0</v>
      </c>
      <c r="AF195" s="15" t="s">
        <v>79</v>
      </c>
      <c r="AG195" s="16">
        <v>1347.3489999999999</v>
      </c>
      <c r="AH195" s="15" t="s">
        <v>79</v>
      </c>
      <c r="AI195" s="19">
        <v>1032.1030000000001</v>
      </c>
      <c r="AJ195" s="13" t="s">
        <v>79</v>
      </c>
    </row>
    <row r="196" spans="1:36" ht="14.1" customHeight="1" thickTop="1" thickBot="1" x14ac:dyDescent="0.2">
      <c r="A196" s="357" t="s">
        <v>3</v>
      </c>
      <c r="B196" s="355"/>
      <c r="C196" s="16">
        <v>19.794</v>
      </c>
      <c r="D196" s="17" t="s">
        <v>79</v>
      </c>
      <c r="E196" s="16">
        <v>-1700</v>
      </c>
      <c r="F196" s="17" t="s">
        <v>79</v>
      </c>
      <c r="G196" s="16">
        <v>27.172000000000001</v>
      </c>
      <c r="H196" s="17" t="s">
        <v>79</v>
      </c>
      <c r="I196" s="19">
        <v>19.792000000000002</v>
      </c>
      <c r="J196" s="18" t="s">
        <v>79</v>
      </c>
      <c r="K196" s="16">
        <v>836.47500000000002</v>
      </c>
      <c r="L196" s="15" t="s">
        <v>79</v>
      </c>
      <c r="M196" s="16">
        <v>200</v>
      </c>
      <c r="N196" s="15" t="s">
        <v>79</v>
      </c>
      <c r="O196" s="16">
        <v>1166.0450000000001</v>
      </c>
      <c r="P196" s="15" t="s">
        <v>79</v>
      </c>
      <c r="Q196" s="14">
        <v>836.47500000000002</v>
      </c>
      <c r="R196" s="13" t="s">
        <v>79</v>
      </c>
      <c r="S196" s="357" t="s">
        <v>3</v>
      </c>
      <c r="T196" s="355"/>
      <c r="U196" s="16">
        <v>202.249</v>
      </c>
      <c r="V196" s="15" t="s">
        <v>79</v>
      </c>
      <c r="W196" s="16">
        <v>-650</v>
      </c>
      <c r="X196" s="15" t="s">
        <v>79</v>
      </c>
      <c r="Y196" s="16">
        <v>256.42099999999999</v>
      </c>
      <c r="Z196" s="15" t="s">
        <v>79</v>
      </c>
      <c r="AA196" s="19">
        <v>202.24799999999999</v>
      </c>
      <c r="AB196" s="13" t="s">
        <v>79</v>
      </c>
      <c r="AC196" s="16">
        <v>1058.519</v>
      </c>
      <c r="AD196" s="15" t="s">
        <v>79</v>
      </c>
      <c r="AE196" s="16">
        <v>-2150</v>
      </c>
      <c r="AF196" s="15" t="s">
        <v>79</v>
      </c>
      <c r="AG196" s="16">
        <v>1449.6379999999999</v>
      </c>
      <c r="AH196" s="15" t="s">
        <v>79</v>
      </c>
      <c r="AI196" s="14">
        <v>1058.5150000000001</v>
      </c>
      <c r="AJ196" s="13" t="s">
        <v>79</v>
      </c>
    </row>
    <row r="197" spans="1:36" ht="14.1" customHeight="1" thickTop="1" thickBot="1" x14ac:dyDescent="0.2">
      <c r="A197" s="357" t="s">
        <v>2</v>
      </c>
      <c r="B197" s="355"/>
      <c r="C197" s="16">
        <v>9.59</v>
      </c>
      <c r="D197" s="17" t="s">
        <v>79</v>
      </c>
      <c r="E197" s="17" t="s">
        <v>79</v>
      </c>
      <c r="F197" s="17" t="s">
        <v>79</v>
      </c>
      <c r="G197" s="16">
        <v>24.99</v>
      </c>
      <c r="H197" s="17" t="s">
        <v>79</v>
      </c>
      <c r="I197" s="14">
        <v>9.59</v>
      </c>
      <c r="J197" s="18" t="s">
        <v>79</v>
      </c>
      <c r="K197" s="16">
        <v>593.91099999999994</v>
      </c>
      <c r="L197" s="15" t="s">
        <v>79</v>
      </c>
      <c r="M197" s="15" t="s">
        <v>79</v>
      </c>
      <c r="N197" s="15" t="s">
        <v>79</v>
      </c>
      <c r="O197" s="16">
        <v>1100.4259999999999</v>
      </c>
      <c r="P197" s="15" t="s">
        <v>79</v>
      </c>
      <c r="Q197" s="14">
        <v>593.91099999999994</v>
      </c>
      <c r="R197" s="13" t="s">
        <v>79</v>
      </c>
      <c r="S197" s="357" t="s">
        <v>1</v>
      </c>
      <c r="T197" s="355"/>
      <c r="U197" s="16">
        <v>157.86099999999999</v>
      </c>
      <c r="V197" s="15" t="s">
        <v>79</v>
      </c>
      <c r="W197" s="15" t="s">
        <v>79</v>
      </c>
      <c r="X197" s="15" t="s">
        <v>79</v>
      </c>
      <c r="Y197" s="16">
        <v>219.77199999999999</v>
      </c>
      <c r="Z197" s="15" t="s">
        <v>79</v>
      </c>
      <c r="AA197" s="14">
        <v>157.86099999999999</v>
      </c>
      <c r="AB197" s="13" t="s">
        <v>79</v>
      </c>
      <c r="AC197" s="16">
        <v>761.36199999999997</v>
      </c>
      <c r="AD197" s="15" t="s">
        <v>79</v>
      </c>
      <c r="AE197" s="15" t="s">
        <v>79</v>
      </c>
      <c r="AF197" s="15" t="s">
        <v>79</v>
      </c>
      <c r="AG197" s="16">
        <v>1345.1880000000001</v>
      </c>
      <c r="AH197" s="15" t="s">
        <v>79</v>
      </c>
      <c r="AI197" s="14">
        <v>761.36199999999997</v>
      </c>
      <c r="AJ197" s="13" t="s">
        <v>79</v>
      </c>
    </row>
    <row r="198" spans="1:36" ht="14.1" customHeight="1" thickTop="1" thickBot="1" x14ac:dyDescent="0.2">
      <c r="A198" s="360" t="s">
        <v>0</v>
      </c>
      <c r="B198" s="361"/>
      <c r="C198" s="9">
        <v>19.082999999999998</v>
      </c>
      <c r="D198" s="10" t="s">
        <v>79</v>
      </c>
      <c r="E198" s="11">
        <v>-1700</v>
      </c>
      <c r="F198" s="10" t="s">
        <v>79</v>
      </c>
      <c r="G198" s="9">
        <v>27.128</v>
      </c>
      <c r="H198" s="10" t="s">
        <v>79</v>
      </c>
      <c r="I198" s="7">
        <v>19.082000000000001</v>
      </c>
      <c r="J198" s="12" t="s">
        <v>79</v>
      </c>
      <c r="K198" s="9">
        <v>819.58100000000002</v>
      </c>
      <c r="L198" s="8" t="s">
        <v>79</v>
      </c>
      <c r="M198" s="11">
        <v>200</v>
      </c>
      <c r="N198" s="8" t="s">
        <v>79</v>
      </c>
      <c r="O198" s="9">
        <v>1164.739</v>
      </c>
      <c r="P198" s="8" t="s">
        <v>79</v>
      </c>
      <c r="Q198" s="7">
        <v>819.58100000000002</v>
      </c>
      <c r="R198" s="6" t="s">
        <v>79</v>
      </c>
      <c r="S198" s="360" t="s">
        <v>0</v>
      </c>
      <c r="T198" s="361"/>
      <c r="U198" s="9">
        <v>199.15700000000001</v>
      </c>
      <c r="V198" s="8" t="s">
        <v>79</v>
      </c>
      <c r="W198" s="11">
        <v>-650</v>
      </c>
      <c r="X198" s="8" t="s">
        <v>79</v>
      </c>
      <c r="Y198" s="9">
        <v>255.69200000000001</v>
      </c>
      <c r="Z198" s="8" t="s">
        <v>79</v>
      </c>
      <c r="AA198" s="7">
        <v>199.15700000000001</v>
      </c>
      <c r="AB198" s="6" t="s">
        <v>79</v>
      </c>
      <c r="AC198" s="9">
        <v>1037.8219999999999</v>
      </c>
      <c r="AD198" s="8" t="s">
        <v>79</v>
      </c>
      <c r="AE198" s="11">
        <v>-2150</v>
      </c>
      <c r="AF198" s="8" t="s">
        <v>79</v>
      </c>
      <c r="AG198" s="9">
        <v>1447.559</v>
      </c>
      <c r="AH198" s="8" t="s">
        <v>79</v>
      </c>
      <c r="AI198" s="7">
        <v>1037.819</v>
      </c>
      <c r="AJ198" s="6" t="s">
        <v>79</v>
      </c>
    </row>
    <row r="199" spans="1:36" ht="15.75" customHeight="1" x14ac:dyDescent="0.15">
      <c r="A199" s="5"/>
      <c r="B199" s="5"/>
      <c r="C199" s="5"/>
      <c r="D199" s="5"/>
      <c r="E199" s="5"/>
      <c r="F199" s="5"/>
      <c r="G199" s="5"/>
      <c r="H199" s="5"/>
      <c r="I199" s="4"/>
      <c r="J199" s="5"/>
      <c r="K199" s="5"/>
      <c r="L199" s="5"/>
      <c r="M199" s="5"/>
      <c r="N199" s="5"/>
      <c r="O199" s="5"/>
      <c r="P199" s="5"/>
      <c r="Q199" s="5"/>
      <c r="R199" s="3"/>
      <c r="S199" s="3"/>
      <c r="T199" s="3"/>
      <c r="U199" s="5"/>
      <c r="V199" s="5"/>
      <c r="W199" s="5"/>
      <c r="X199" s="5"/>
      <c r="Y199" s="5"/>
      <c r="Z199" s="5"/>
      <c r="AA199" s="5"/>
      <c r="AB199" s="3"/>
      <c r="AC199" s="5"/>
      <c r="AD199" s="5"/>
      <c r="AE199" s="5"/>
      <c r="AF199" s="5"/>
      <c r="AG199" s="5"/>
      <c r="AH199" s="5"/>
      <c r="AI199" s="4"/>
      <c r="AJ199" s="3"/>
    </row>
    <row r="200" spans="1:36" ht="15.75" customHeight="1" x14ac:dyDescent="0.15">
      <c r="R200" s="2"/>
      <c r="S200" s="2"/>
      <c r="T200" s="2"/>
      <c r="AB200" s="2"/>
      <c r="AJ200" s="2"/>
    </row>
    <row r="201" spans="1:36" ht="15.75" customHeight="1" x14ac:dyDescent="0.15">
      <c r="AB201" s="2"/>
    </row>
    <row r="202" spans="1:36" ht="15.75" customHeight="1" x14ac:dyDescent="0.15">
      <c r="AB202" s="2"/>
    </row>
    <row r="203" spans="1:36" ht="15.75" customHeight="1" x14ac:dyDescent="0.15">
      <c r="AB203" s="2"/>
    </row>
    <row r="204" spans="1:36" ht="15.75" customHeight="1" x14ac:dyDescent="0.15">
      <c r="AB204" s="2"/>
    </row>
    <row r="205" spans="1:36" ht="15.75" customHeight="1" x14ac:dyDescent="0.15">
      <c r="AB205" s="2"/>
    </row>
    <row r="206" spans="1:36" ht="15.75" customHeight="1" x14ac:dyDescent="0.15">
      <c r="AB206" s="2"/>
    </row>
    <row r="207" spans="1:36" ht="15.75" customHeight="1" x14ac:dyDescent="0.15">
      <c r="AB207" s="2"/>
    </row>
    <row r="208" spans="1:36" ht="15.75" customHeight="1" x14ac:dyDescent="0.15">
      <c r="AB208" s="2"/>
    </row>
    <row r="209" spans="28:28" ht="15.75" customHeight="1" x14ac:dyDescent="0.15">
      <c r="AB209" s="2"/>
    </row>
    <row r="210" spans="28:28" ht="15.75" customHeight="1" x14ac:dyDescent="0.15">
      <c r="AB210" s="2"/>
    </row>
    <row r="211" spans="28:28" ht="15.75" customHeight="1" x14ac:dyDescent="0.15">
      <c r="AB211" s="2"/>
    </row>
    <row r="212" spans="28:28" ht="15.75" customHeight="1" x14ac:dyDescent="0.15">
      <c r="AB212" s="2"/>
    </row>
    <row r="213" spans="28:28" ht="15.75" customHeight="1" x14ac:dyDescent="0.15">
      <c r="AB213" s="2"/>
    </row>
    <row r="214" spans="28:28" ht="15.75" customHeight="1" x14ac:dyDescent="0.15">
      <c r="AB214" s="2"/>
    </row>
    <row r="215" spans="28:28" ht="15.75" customHeight="1" x14ac:dyDescent="0.15">
      <c r="AB215" s="2"/>
    </row>
    <row r="216" spans="28:28" ht="15.75" customHeight="1" x14ac:dyDescent="0.15">
      <c r="AB216" s="2"/>
    </row>
    <row r="217" spans="28:28" ht="15.75" customHeight="1" x14ac:dyDescent="0.15">
      <c r="AB217" s="2"/>
    </row>
    <row r="218" spans="28:28" ht="15.75" customHeight="1" x14ac:dyDescent="0.15">
      <c r="AB218" s="2"/>
    </row>
    <row r="219" spans="28:28" ht="15.75" customHeight="1" x14ac:dyDescent="0.15">
      <c r="AB219" s="2"/>
    </row>
    <row r="220" spans="28:28" ht="15.75" customHeight="1" x14ac:dyDescent="0.15">
      <c r="AB220" s="2"/>
    </row>
    <row r="221" spans="28:28" ht="15.75" customHeight="1" x14ac:dyDescent="0.15">
      <c r="AB221" s="2"/>
    </row>
    <row r="222" spans="28:28" ht="15.75" customHeight="1" x14ac:dyDescent="0.15">
      <c r="AB222" s="2"/>
    </row>
    <row r="223" spans="28:28" ht="15.75" customHeight="1" x14ac:dyDescent="0.15">
      <c r="AB223" s="2"/>
    </row>
    <row r="224" spans="28:28" ht="15.75" customHeight="1" x14ac:dyDescent="0.15">
      <c r="AB224" s="2"/>
    </row>
    <row r="225" spans="28:28" ht="15.75" customHeight="1" x14ac:dyDescent="0.15">
      <c r="AB225" s="2"/>
    </row>
    <row r="226" spans="28:28" ht="15.75" customHeight="1" x14ac:dyDescent="0.15">
      <c r="AB226" s="2"/>
    </row>
    <row r="227" spans="28:28" ht="15.75" customHeight="1" x14ac:dyDescent="0.15">
      <c r="AB227" s="2"/>
    </row>
    <row r="228" spans="28:28" ht="15.75" customHeight="1" x14ac:dyDescent="0.15">
      <c r="AB228" s="2"/>
    </row>
    <row r="229" spans="28:28" ht="15.75" customHeight="1" x14ac:dyDescent="0.15">
      <c r="AB229" s="2"/>
    </row>
    <row r="230" spans="28:28" ht="15.75" customHeight="1" x14ac:dyDescent="0.15">
      <c r="AB230" s="2"/>
    </row>
    <row r="231" spans="28:28" ht="15.75" customHeight="1" x14ac:dyDescent="0.15">
      <c r="AB231" s="2"/>
    </row>
    <row r="232" spans="28:28" ht="15.75" customHeight="1" x14ac:dyDescent="0.15">
      <c r="AB232" s="2"/>
    </row>
    <row r="233" spans="28:28" ht="15.75" customHeight="1" x14ac:dyDescent="0.15">
      <c r="AB233" s="2"/>
    </row>
    <row r="234" spans="28:28" ht="15.75" customHeight="1" x14ac:dyDescent="0.15">
      <c r="AB234" s="2"/>
    </row>
    <row r="235" spans="28:28" ht="15.75" customHeight="1" x14ac:dyDescent="0.15">
      <c r="AB235" s="2"/>
    </row>
    <row r="236" spans="28:28" ht="15.75" customHeight="1" x14ac:dyDescent="0.15">
      <c r="AB236" s="2"/>
    </row>
    <row r="237" spans="28:28" ht="15.75" customHeight="1" x14ac:dyDescent="0.15">
      <c r="AB237" s="2"/>
    </row>
    <row r="238" spans="28:28" ht="15.75" customHeight="1" x14ac:dyDescent="0.15">
      <c r="AB238" s="2"/>
    </row>
    <row r="239" spans="28:28" ht="15.75" customHeight="1" x14ac:dyDescent="0.15">
      <c r="AB239" s="2"/>
    </row>
    <row r="240" spans="28:28" ht="15.75" customHeight="1" x14ac:dyDescent="0.15">
      <c r="AB240" s="2"/>
    </row>
    <row r="241" spans="28:28" ht="15.75" customHeight="1" x14ac:dyDescent="0.15">
      <c r="AB241" s="2"/>
    </row>
    <row r="242" spans="28:28" ht="15.75" customHeight="1" x14ac:dyDescent="0.15">
      <c r="AB242" s="2"/>
    </row>
    <row r="243" spans="28:28" ht="15.75" customHeight="1" x14ac:dyDescent="0.15">
      <c r="AB243" s="2"/>
    </row>
    <row r="244" spans="28:28" ht="15.75" customHeight="1" x14ac:dyDescent="0.15">
      <c r="AB244" s="2"/>
    </row>
    <row r="245" spans="28:28" ht="15.75" customHeight="1" x14ac:dyDescent="0.15">
      <c r="AB245" s="2"/>
    </row>
    <row r="246" spans="28:28" ht="15.75" customHeight="1" x14ac:dyDescent="0.15">
      <c r="AB246" s="2"/>
    </row>
    <row r="247" spans="28:28" ht="15.75" customHeight="1" x14ac:dyDescent="0.15">
      <c r="AB247" s="2"/>
    </row>
    <row r="248" spans="28:28" ht="15.75" customHeight="1" x14ac:dyDescent="0.15">
      <c r="AB248" s="2"/>
    </row>
    <row r="249" spans="28:28" ht="15.75" customHeight="1" x14ac:dyDescent="0.15">
      <c r="AB249" s="2"/>
    </row>
    <row r="250" spans="28:28" ht="15.75" customHeight="1" x14ac:dyDescent="0.15">
      <c r="AB250" s="2"/>
    </row>
    <row r="251" spans="28:28" ht="15.75" customHeight="1" x14ac:dyDescent="0.15">
      <c r="AB251" s="2"/>
    </row>
    <row r="252" spans="28:28" ht="15.75" customHeight="1" x14ac:dyDescent="0.15">
      <c r="AB252" s="2"/>
    </row>
    <row r="253" spans="28:28" ht="15.75" customHeight="1" x14ac:dyDescent="0.15">
      <c r="AB253" s="2"/>
    </row>
    <row r="254" spans="28:28" ht="15.75" customHeight="1" x14ac:dyDescent="0.15">
      <c r="AB254" s="2"/>
    </row>
    <row r="255" spans="28:28" ht="15.75" customHeight="1" x14ac:dyDescent="0.15">
      <c r="AB255" s="2"/>
    </row>
    <row r="256" spans="28:28" ht="15.75" customHeight="1" x14ac:dyDescent="0.15">
      <c r="AB256" s="2"/>
    </row>
    <row r="257" spans="28:28" ht="15.75" customHeight="1" x14ac:dyDescent="0.15">
      <c r="AB257" s="2"/>
    </row>
    <row r="258" spans="28:28" ht="15.75" customHeight="1" x14ac:dyDescent="0.15">
      <c r="AB258" s="2"/>
    </row>
    <row r="259" spans="28:28" ht="15.75" customHeight="1" x14ac:dyDescent="0.15">
      <c r="AB259" s="2"/>
    </row>
    <row r="260" spans="28:28" ht="15.75" customHeight="1" x14ac:dyDescent="0.15">
      <c r="AB260" s="2"/>
    </row>
    <row r="261" spans="28:28" ht="15.75" customHeight="1" x14ac:dyDescent="0.15">
      <c r="AB261" s="2"/>
    </row>
    <row r="262" spans="28:28" ht="15.75" customHeight="1" x14ac:dyDescent="0.15">
      <c r="AB262" s="2"/>
    </row>
    <row r="263" spans="28:28" ht="15.75" customHeight="1" x14ac:dyDescent="0.15">
      <c r="AB263" s="2"/>
    </row>
    <row r="264" spans="28:28" ht="15.75" customHeight="1" x14ac:dyDescent="0.15">
      <c r="AB264" s="2"/>
    </row>
    <row r="265" spans="28:28" ht="15.75" customHeight="1" x14ac:dyDescent="0.15">
      <c r="AB265" s="2"/>
    </row>
    <row r="266" spans="28:28" ht="15.75" customHeight="1" x14ac:dyDescent="0.15">
      <c r="AB266" s="2"/>
    </row>
    <row r="267" spans="28:28" ht="15.75" customHeight="1" x14ac:dyDescent="0.15">
      <c r="AB267" s="2"/>
    </row>
    <row r="268" spans="28:28" ht="15.75" customHeight="1" x14ac:dyDescent="0.15">
      <c r="AB268" s="2"/>
    </row>
    <row r="269" spans="28:28" ht="15.75" customHeight="1" x14ac:dyDescent="0.15">
      <c r="AB269" s="2"/>
    </row>
    <row r="270" spans="28:28" ht="15.75" customHeight="1" x14ac:dyDescent="0.15">
      <c r="AB270" s="2"/>
    </row>
    <row r="271" spans="28:28" ht="15.75" customHeight="1" x14ac:dyDescent="0.15">
      <c r="AB271" s="2"/>
    </row>
    <row r="272" spans="28:28" ht="15.75" customHeight="1" x14ac:dyDescent="0.15">
      <c r="AB272" s="2"/>
    </row>
    <row r="273" spans="28:28" ht="15.75" customHeight="1" x14ac:dyDescent="0.15">
      <c r="AB273" s="2"/>
    </row>
    <row r="274" spans="28:28" ht="15.75" customHeight="1" x14ac:dyDescent="0.15">
      <c r="AB274" s="2"/>
    </row>
    <row r="275" spans="28:28" ht="15.75" customHeight="1" x14ac:dyDescent="0.15">
      <c r="AB275" s="2"/>
    </row>
    <row r="276" spans="28:28" ht="15.75" customHeight="1" x14ac:dyDescent="0.15">
      <c r="AB276" s="2"/>
    </row>
    <row r="277" spans="28:28" ht="15.75" customHeight="1" x14ac:dyDescent="0.15">
      <c r="AB277" s="2"/>
    </row>
    <row r="278" spans="28:28" ht="15.75" customHeight="1" x14ac:dyDescent="0.15">
      <c r="AB278" s="2"/>
    </row>
    <row r="279" spans="28:28" ht="15.75" customHeight="1" x14ac:dyDescent="0.15">
      <c r="AB279" s="2"/>
    </row>
  </sheetData>
  <mergeCells count="132">
    <mergeCell ref="A198:B198"/>
    <mergeCell ref="S198:T198"/>
    <mergeCell ref="A195:B195"/>
    <mergeCell ref="S195:T195"/>
    <mergeCell ref="A196:B196"/>
    <mergeCell ref="S196:T196"/>
    <mergeCell ref="A197:B197"/>
    <mergeCell ref="S197:T197"/>
    <mergeCell ref="A194:B194"/>
    <mergeCell ref="S194:T194"/>
    <mergeCell ref="AI153:AJ153"/>
    <mergeCell ref="A147:B147"/>
    <mergeCell ref="S147:T147"/>
    <mergeCell ref="A148:B148"/>
    <mergeCell ref="S148:T148"/>
    <mergeCell ref="M153:N153"/>
    <mergeCell ref="AA153:AB153"/>
    <mergeCell ref="AC153:AD153"/>
    <mergeCell ref="U152:AB152"/>
    <mergeCell ref="AC152:AJ152"/>
    <mergeCell ref="C153:D153"/>
    <mergeCell ref="E153:F153"/>
    <mergeCell ref="G153:H153"/>
    <mergeCell ref="I153:J153"/>
    <mergeCell ref="K153:L153"/>
    <mergeCell ref="U153:V153"/>
    <mergeCell ref="W153:X153"/>
    <mergeCell ref="Y153:Z153"/>
    <mergeCell ref="A149:B149"/>
    <mergeCell ref="S149:T149"/>
    <mergeCell ref="A152:B154"/>
    <mergeCell ref="C152:J152"/>
    <mergeCell ref="K152:R152"/>
    <mergeCell ref="S152:T154"/>
    <mergeCell ref="O153:P153"/>
    <mergeCell ref="Q153:R153"/>
    <mergeCell ref="AE153:AF153"/>
    <mergeCell ref="A146:B146"/>
    <mergeCell ref="S146:T146"/>
    <mergeCell ref="A99:B99"/>
    <mergeCell ref="S99:T99"/>
    <mergeCell ref="A100:R100"/>
    <mergeCell ref="S100:AJ100"/>
    <mergeCell ref="A103:B105"/>
    <mergeCell ref="C103:J103"/>
    <mergeCell ref="K103:R103"/>
    <mergeCell ref="S103:T105"/>
    <mergeCell ref="AG104:AH104"/>
    <mergeCell ref="AI104:AJ104"/>
    <mergeCell ref="A145:B145"/>
    <mergeCell ref="S145:T145"/>
    <mergeCell ref="U104:V104"/>
    <mergeCell ref="W104:X104"/>
    <mergeCell ref="Y104:Z104"/>
    <mergeCell ref="M104:N104"/>
    <mergeCell ref="AE104:AF104"/>
    <mergeCell ref="AG153:AH153"/>
    <mergeCell ref="AI54:AJ54"/>
    <mergeCell ref="A95:B95"/>
    <mergeCell ref="S95:T95"/>
    <mergeCell ref="A96:B96"/>
    <mergeCell ref="S96:T96"/>
    <mergeCell ref="A97:B97"/>
    <mergeCell ref="U103:AB103"/>
    <mergeCell ref="AC103:AJ103"/>
    <mergeCell ref="C104:D104"/>
    <mergeCell ref="E104:F104"/>
    <mergeCell ref="G104:H104"/>
    <mergeCell ref="AA104:AB104"/>
    <mergeCell ref="AC104:AD104"/>
    <mergeCell ref="I104:J104"/>
    <mergeCell ref="K104:L104"/>
    <mergeCell ref="A98:B98"/>
    <mergeCell ref="S98:T98"/>
    <mergeCell ref="U54:V54"/>
    <mergeCell ref="W54:X54"/>
    <mergeCell ref="G54:H54"/>
    <mergeCell ref="I54:J54"/>
    <mergeCell ref="K54:L54"/>
    <mergeCell ref="O104:P104"/>
    <mergeCell ref="Q104:R104"/>
    <mergeCell ref="S48:T48"/>
    <mergeCell ref="A49:B49"/>
    <mergeCell ref="S49:T49"/>
    <mergeCell ref="Y54:Z54"/>
    <mergeCell ref="AA54:AB54"/>
    <mergeCell ref="AC54:AD54"/>
    <mergeCell ref="AE54:AF54"/>
    <mergeCell ref="AG54:AH54"/>
    <mergeCell ref="S97:T97"/>
    <mergeCell ref="A45:B45"/>
    <mergeCell ref="S45:T45"/>
    <mergeCell ref="A46:B46"/>
    <mergeCell ref="S46:T46"/>
    <mergeCell ref="Y4:Z4"/>
    <mergeCell ref="C4:D4"/>
    <mergeCell ref="E4:F4"/>
    <mergeCell ref="G4:H4"/>
    <mergeCell ref="M54:N54"/>
    <mergeCell ref="O54:P54"/>
    <mergeCell ref="Q54:R54"/>
    <mergeCell ref="A50:R50"/>
    <mergeCell ref="S50:AJ50"/>
    <mergeCell ref="A53:B55"/>
    <mergeCell ref="C53:J53"/>
    <mergeCell ref="K53:R53"/>
    <mergeCell ref="S53:T55"/>
    <mergeCell ref="U53:AB53"/>
    <mergeCell ref="AC53:AJ53"/>
    <mergeCell ref="C54:D54"/>
    <mergeCell ref="E54:F54"/>
    <mergeCell ref="A47:B47"/>
    <mergeCell ref="S47:T47"/>
    <mergeCell ref="A48:B48"/>
    <mergeCell ref="I4:J4"/>
    <mergeCell ref="K4:L4"/>
    <mergeCell ref="AE4:AF4"/>
    <mergeCell ref="M4:N4"/>
    <mergeCell ref="O4:P4"/>
    <mergeCell ref="Q4:R4"/>
    <mergeCell ref="U4:V4"/>
    <mergeCell ref="W4:X4"/>
    <mergeCell ref="A3:B5"/>
    <mergeCell ref="C3:J3"/>
    <mergeCell ref="K3:R3"/>
    <mergeCell ref="S3:T5"/>
    <mergeCell ref="U3:AB3"/>
    <mergeCell ref="AC3:AJ3"/>
    <mergeCell ref="AG4:AH4"/>
    <mergeCell ref="AI4:AJ4"/>
    <mergeCell ref="AA4:AB4"/>
    <mergeCell ref="AC4:AD4"/>
  </mergeCells>
  <phoneticPr fontId="3"/>
  <printOptions horizontalCentered="1" gridLinesSet="0"/>
  <pageMargins left="0.39370078740157483" right="0.39370078740157483" top="0.59055118110236227" bottom="0.51181102362204722" header="0.47244094488188981" footer="0.59055118110236227"/>
  <pageSetup paperSize="9" scale="79" pageOrder="overThenDown" orientation="landscape" blackAndWhite="1" r:id="rId1"/>
  <headerFooter alignWithMargins="0"/>
  <rowBreaks count="4" manualBreakCount="4">
    <brk id="50" max="16383" man="1"/>
    <brk id="100" max="16383" man="1"/>
    <brk id="149" max="16383" man="1"/>
    <brk id="260" max="65535" man="1"/>
  </rowBreaks>
  <colBreaks count="1" manualBreakCount="1">
    <brk id="18" max="1048575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transitionEntry="1"/>
  <dimension ref="A1:R52"/>
  <sheetViews>
    <sheetView zoomScaleNormal="100" zoomScaleSheetLayoutView="100" workbookViewId="0">
      <selection activeCell="U19" sqref="U19"/>
    </sheetView>
  </sheetViews>
  <sheetFormatPr defaultColWidth="9" defaultRowHeight="11.25" x14ac:dyDescent="0.15"/>
  <cols>
    <col min="1" max="1" width="3.625" style="150" customWidth="1"/>
    <col min="2" max="2" width="9.875" style="150" customWidth="1"/>
    <col min="3" max="3" width="8.125" style="150" customWidth="1"/>
    <col min="4" max="4" width="3.125" style="150" customWidth="1"/>
    <col min="5" max="5" width="6.125" style="150" customWidth="1"/>
    <col min="6" max="6" width="8.125" style="150" customWidth="1"/>
    <col min="7" max="7" width="3.125" style="150" customWidth="1"/>
    <col min="8" max="8" width="6.125" style="150" customWidth="1"/>
    <col min="9" max="9" width="8.125" style="150" customWidth="1"/>
    <col min="10" max="10" width="3.125" style="150" customWidth="1"/>
    <col min="11" max="11" width="6.125" style="150" customWidth="1"/>
    <col min="12" max="12" width="8.125" style="150" customWidth="1"/>
    <col min="13" max="13" width="3.125" style="150" customWidth="1"/>
    <col min="14" max="14" width="6.125" style="150" customWidth="1"/>
    <col min="15" max="15" width="7.375" style="150" customWidth="1"/>
    <col min="16" max="16" width="3.5" style="150" customWidth="1"/>
    <col min="17" max="17" width="6.125" style="150" customWidth="1"/>
    <col min="18" max="16384" width="9" style="150"/>
  </cols>
  <sheetData>
    <row r="1" spans="1:18" ht="16.5" customHeight="1" x14ac:dyDescent="0.15">
      <c r="A1" s="331" t="s">
        <v>187</v>
      </c>
    </row>
    <row r="2" spans="1:18" ht="11.1" customHeight="1" thickBot="1" x14ac:dyDescent="0.2"/>
    <row r="3" spans="1:18" ht="15" customHeight="1" x14ac:dyDescent="0.15">
      <c r="A3" s="366" t="s">
        <v>57</v>
      </c>
      <c r="B3" s="367"/>
      <c r="C3" s="371" t="s">
        <v>118</v>
      </c>
      <c r="D3" s="371"/>
      <c r="E3" s="371"/>
      <c r="F3" s="371" t="s">
        <v>117</v>
      </c>
      <c r="G3" s="375"/>
      <c r="H3" s="375"/>
      <c r="I3" s="371" t="s">
        <v>116</v>
      </c>
      <c r="J3" s="371"/>
      <c r="K3" s="371"/>
      <c r="L3" s="371" t="s">
        <v>188</v>
      </c>
      <c r="M3" s="371"/>
      <c r="N3" s="371"/>
      <c r="O3" s="370" t="s">
        <v>189</v>
      </c>
      <c r="P3" s="371"/>
      <c r="Q3" s="372"/>
    </row>
    <row r="4" spans="1:18" ht="12.75" customHeight="1" x14ac:dyDescent="0.15">
      <c r="A4" s="368"/>
      <c r="B4" s="369"/>
      <c r="C4" s="147" t="s">
        <v>112</v>
      </c>
      <c r="D4" s="145" t="s">
        <v>111</v>
      </c>
      <c r="E4" s="147" t="s">
        <v>115</v>
      </c>
      <c r="F4" s="148" t="s">
        <v>112</v>
      </c>
      <c r="G4" s="145" t="s">
        <v>111</v>
      </c>
      <c r="H4" s="147" t="s">
        <v>114</v>
      </c>
      <c r="I4" s="149" t="s">
        <v>112</v>
      </c>
      <c r="J4" s="145" t="s">
        <v>111</v>
      </c>
      <c r="K4" s="149" t="s">
        <v>113</v>
      </c>
      <c r="L4" s="148" t="s">
        <v>112</v>
      </c>
      <c r="M4" s="145" t="s">
        <v>111</v>
      </c>
      <c r="N4" s="147" t="s">
        <v>110</v>
      </c>
      <c r="O4" s="146" t="s">
        <v>112</v>
      </c>
      <c r="P4" s="145" t="s">
        <v>111</v>
      </c>
      <c r="Q4" s="144" t="s">
        <v>190</v>
      </c>
    </row>
    <row r="5" spans="1:18" s="324" customFormat="1" ht="12.75" customHeight="1" x14ac:dyDescent="0.15">
      <c r="A5" s="368"/>
      <c r="B5" s="369"/>
      <c r="C5" s="142" t="s">
        <v>108</v>
      </c>
      <c r="D5" s="140" t="s">
        <v>107</v>
      </c>
      <c r="E5" s="141" t="s">
        <v>109</v>
      </c>
      <c r="F5" s="141" t="s">
        <v>108</v>
      </c>
      <c r="G5" s="140" t="s">
        <v>107</v>
      </c>
      <c r="H5" s="142" t="s">
        <v>109</v>
      </c>
      <c r="I5" s="143" t="s">
        <v>108</v>
      </c>
      <c r="J5" s="140" t="s">
        <v>107</v>
      </c>
      <c r="K5" s="143" t="s">
        <v>109</v>
      </c>
      <c r="L5" s="141" t="s">
        <v>108</v>
      </c>
      <c r="M5" s="140" t="s">
        <v>107</v>
      </c>
      <c r="N5" s="142" t="s">
        <v>109</v>
      </c>
      <c r="O5" s="141" t="s">
        <v>108</v>
      </c>
      <c r="P5" s="140" t="s">
        <v>107</v>
      </c>
      <c r="Q5" s="139" t="s">
        <v>109</v>
      </c>
    </row>
    <row r="6" spans="1:18" ht="19.5" customHeight="1" x14ac:dyDescent="0.15">
      <c r="A6" s="138">
        <v>1</v>
      </c>
      <c r="B6" s="122" t="s">
        <v>47</v>
      </c>
      <c r="C6" s="120">
        <v>351422</v>
      </c>
      <c r="D6" s="120">
        <v>18</v>
      </c>
      <c r="E6" s="121">
        <v>3.13</v>
      </c>
      <c r="F6" s="120">
        <v>358104</v>
      </c>
      <c r="G6" s="120">
        <v>18</v>
      </c>
      <c r="H6" s="121">
        <v>1.9</v>
      </c>
      <c r="I6" s="118">
        <v>367348</v>
      </c>
      <c r="J6" s="118">
        <v>16</v>
      </c>
      <c r="K6" s="121">
        <v>2.58</v>
      </c>
      <c r="L6" s="120">
        <v>356032</v>
      </c>
      <c r="M6" s="120">
        <v>16</v>
      </c>
      <c r="N6" s="119">
        <v>-3.08</v>
      </c>
      <c r="O6" s="111">
        <v>384155</v>
      </c>
      <c r="P6" s="118">
        <v>17</v>
      </c>
      <c r="Q6" s="117">
        <v>7.9</v>
      </c>
      <c r="R6" s="329"/>
    </row>
    <row r="7" spans="1:18" ht="19.5" customHeight="1" x14ac:dyDescent="0.15">
      <c r="A7" s="123">
        <v>2</v>
      </c>
      <c r="B7" s="122" t="s">
        <v>46</v>
      </c>
      <c r="C7" s="120">
        <v>338188</v>
      </c>
      <c r="D7" s="120">
        <v>23</v>
      </c>
      <c r="E7" s="121">
        <v>2.78</v>
      </c>
      <c r="F7" s="120">
        <v>342464</v>
      </c>
      <c r="G7" s="120">
        <v>25</v>
      </c>
      <c r="H7" s="121">
        <v>1.26</v>
      </c>
      <c r="I7" s="118">
        <v>350394</v>
      </c>
      <c r="J7" s="118">
        <v>28</v>
      </c>
      <c r="K7" s="121">
        <v>2.3199999999999998</v>
      </c>
      <c r="L7" s="120">
        <v>341072</v>
      </c>
      <c r="M7" s="120">
        <v>23</v>
      </c>
      <c r="N7" s="119">
        <v>-2.66</v>
      </c>
      <c r="O7" s="111">
        <v>371946</v>
      </c>
      <c r="P7" s="118">
        <v>21</v>
      </c>
      <c r="Q7" s="117">
        <v>9.0500000000000007</v>
      </c>
      <c r="R7" s="329"/>
    </row>
    <row r="8" spans="1:18" ht="19.5" customHeight="1" x14ac:dyDescent="0.15">
      <c r="A8" s="123">
        <v>3</v>
      </c>
      <c r="B8" s="122" t="s">
        <v>45</v>
      </c>
      <c r="C8" s="120">
        <v>378765</v>
      </c>
      <c r="D8" s="120">
        <v>6</v>
      </c>
      <c r="E8" s="121">
        <v>3.72</v>
      </c>
      <c r="F8" s="120">
        <v>387724</v>
      </c>
      <c r="G8" s="120">
        <v>5</v>
      </c>
      <c r="H8" s="121">
        <v>2.37</v>
      </c>
      <c r="I8" s="118">
        <v>390743</v>
      </c>
      <c r="J8" s="118">
        <v>8</v>
      </c>
      <c r="K8" s="121">
        <v>0.78</v>
      </c>
      <c r="L8" s="120">
        <v>375915</v>
      </c>
      <c r="M8" s="120">
        <v>8</v>
      </c>
      <c r="N8" s="119">
        <v>-3.79</v>
      </c>
      <c r="O8" s="111">
        <v>401040</v>
      </c>
      <c r="P8" s="118">
        <v>9</v>
      </c>
      <c r="Q8" s="117">
        <v>6.68</v>
      </c>
      <c r="R8" s="329"/>
    </row>
    <row r="9" spans="1:18" ht="19.5" customHeight="1" x14ac:dyDescent="0.15">
      <c r="A9" s="123">
        <v>4</v>
      </c>
      <c r="B9" s="122" t="s">
        <v>44</v>
      </c>
      <c r="C9" s="120">
        <v>352470</v>
      </c>
      <c r="D9" s="120">
        <v>17</v>
      </c>
      <c r="E9" s="121">
        <v>3.97</v>
      </c>
      <c r="F9" s="120">
        <v>359644</v>
      </c>
      <c r="G9" s="120">
        <v>15</v>
      </c>
      <c r="H9" s="121">
        <v>2.04</v>
      </c>
      <c r="I9" s="118">
        <v>364469</v>
      </c>
      <c r="J9" s="118">
        <v>18</v>
      </c>
      <c r="K9" s="121">
        <v>1.34</v>
      </c>
      <c r="L9" s="120">
        <v>352741</v>
      </c>
      <c r="M9" s="120">
        <v>19</v>
      </c>
      <c r="N9" s="119">
        <v>-3.22</v>
      </c>
      <c r="O9" s="111">
        <v>386962</v>
      </c>
      <c r="P9" s="118">
        <v>14</v>
      </c>
      <c r="Q9" s="117">
        <v>9.6999999999999993</v>
      </c>
      <c r="R9" s="329"/>
    </row>
    <row r="10" spans="1:18" ht="19.5" customHeight="1" x14ac:dyDescent="0.15">
      <c r="A10" s="123">
        <v>5</v>
      </c>
      <c r="B10" s="122" t="s">
        <v>43</v>
      </c>
      <c r="C10" s="120">
        <v>342608</v>
      </c>
      <c r="D10" s="120">
        <v>22</v>
      </c>
      <c r="E10" s="121">
        <v>2.08</v>
      </c>
      <c r="F10" s="120">
        <v>345497</v>
      </c>
      <c r="G10" s="120">
        <v>23</v>
      </c>
      <c r="H10" s="121">
        <v>0.84</v>
      </c>
      <c r="I10" s="118">
        <v>354987</v>
      </c>
      <c r="J10" s="118">
        <v>23</v>
      </c>
      <c r="K10" s="121">
        <v>2.75</v>
      </c>
      <c r="L10" s="120">
        <v>338028</v>
      </c>
      <c r="M10" s="120">
        <v>28</v>
      </c>
      <c r="N10" s="119">
        <v>-4.78</v>
      </c>
      <c r="O10" s="111">
        <v>360588</v>
      </c>
      <c r="P10" s="118">
        <v>27</v>
      </c>
      <c r="Q10" s="117">
        <v>6.67</v>
      </c>
      <c r="R10" s="329"/>
    </row>
    <row r="11" spans="1:18" ht="19.5" customHeight="1" x14ac:dyDescent="0.15">
      <c r="A11" s="123">
        <v>6</v>
      </c>
      <c r="B11" s="122" t="s">
        <v>42</v>
      </c>
      <c r="C11" s="120">
        <v>329951</v>
      </c>
      <c r="D11" s="120">
        <v>30</v>
      </c>
      <c r="E11" s="121">
        <v>2.13</v>
      </c>
      <c r="F11" s="120">
        <v>340456</v>
      </c>
      <c r="G11" s="120">
        <v>28</v>
      </c>
      <c r="H11" s="121">
        <v>3.18</v>
      </c>
      <c r="I11" s="118">
        <v>351731</v>
      </c>
      <c r="J11" s="118">
        <v>26</v>
      </c>
      <c r="K11" s="121">
        <v>3.31</v>
      </c>
      <c r="L11" s="120">
        <v>334982</v>
      </c>
      <c r="M11" s="120">
        <v>29</v>
      </c>
      <c r="N11" s="119">
        <v>-4.76</v>
      </c>
      <c r="O11" s="111">
        <v>356149</v>
      </c>
      <c r="P11" s="118">
        <v>30</v>
      </c>
      <c r="Q11" s="117">
        <v>6.32</v>
      </c>
      <c r="R11" s="329"/>
    </row>
    <row r="12" spans="1:18" ht="19.5" customHeight="1" x14ac:dyDescent="0.15">
      <c r="A12" s="123">
        <v>7</v>
      </c>
      <c r="B12" s="122" t="s">
        <v>41</v>
      </c>
      <c r="C12" s="120">
        <v>372845</v>
      </c>
      <c r="D12" s="120">
        <v>9</v>
      </c>
      <c r="E12" s="121">
        <v>4.59</v>
      </c>
      <c r="F12" s="120">
        <v>385460</v>
      </c>
      <c r="G12" s="120">
        <v>6</v>
      </c>
      <c r="H12" s="121">
        <v>3.38</v>
      </c>
      <c r="I12" s="118">
        <v>400678</v>
      </c>
      <c r="J12" s="118">
        <v>5</v>
      </c>
      <c r="K12" s="121">
        <v>3.95</v>
      </c>
      <c r="L12" s="120">
        <v>385058</v>
      </c>
      <c r="M12" s="120">
        <v>4</v>
      </c>
      <c r="N12" s="119">
        <v>-3.9</v>
      </c>
      <c r="O12" s="111">
        <v>412050</v>
      </c>
      <c r="P12" s="118">
        <v>6</v>
      </c>
      <c r="Q12" s="117">
        <v>7.01</v>
      </c>
      <c r="R12" s="329"/>
    </row>
    <row r="13" spans="1:18" ht="19.5" customHeight="1" x14ac:dyDescent="0.15">
      <c r="A13" s="123">
        <v>8</v>
      </c>
      <c r="B13" s="122" t="s">
        <v>40</v>
      </c>
      <c r="C13" s="120">
        <v>332891</v>
      </c>
      <c r="D13" s="120">
        <v>26</v>
      </c>
      <c r="E13" s="121">
        <v>2.92</v>
      </c>
      <c r="F13" s="120">
        <v>336481</v>
      </c>
      <c r="G13" s="120">
        <v>29</v>
      </c>
      <c r="H13" s="121">
        <v>1.08</v>
      </c>
      <c r="I13" s="118">
        <v>350849</v>
      </c>
      <c r="J13" s="118">
        <v>27</v>
      </c>
      <c r="K13" s="121">
        <v>4.2699999999999996</v>
      </c>
      <c r="L13" s="120">
        <v>338207</v>
      </c>
      <c r="M13" s="120">
        <v>27</v>
      </c>
      <c r="N13" s="119">
        <v>-3.6</v>
      </c>
      <c r="O13" s="111">
        <v>360369</v>
      </c>
      <c r="P13" s="118">
        <v>28</v>
      </c>
      <c r="Q13" s="117">
        <v>6.55</v>
      </c>
      <c r="R13" s="329"/>
    </row>
    <row r="14" spans="1:18" ht="19.5" customHeight="1" x14ac:dyDescent="0.15">
      <c r="A14" s="123">
        <v>9</v>
      </c>
      <c r="B14" s="122" t="s">
        <v>39</v>
      </c>
      <c r="C14" s="120">
        <v>368530</v>
      </c>
      <c r="D14" s="120">
        <v>10</v>
      </c>
      <c r="E14" s="121">
        <v>3.92</v>
      </c>
      <c r="F14" s="120">
        <v>363029</v>
      </c>
      <c r="G14" s="120">
        <v>11</v>
      </c>
      <c r="H14" s="121">
        <v>-1.49</v>
      </c>
      <c r="I14" s="118">
        <v>377429</v>
      </c>
      <c r="J14" s="118">
        <v>12</v>
      </c>
      <c r="K14" s="121">
        <v>3.97</v>
      </c>
      <c r="L14" s="120">
        <v>361233</v>
      </c>
      <c r="M14" s="120">
        <v>14</v>
      </c>
      <c r="N14" s="119">
        <v>-4.29</v>
      </c>
      <c r="O14" s="111">
        <v>398775</v>
      </c>
      <c r="P14" s="118">
        <v>10</v>
      </c>
      <c r="Q14" s="117">
        <v>10.39</v>
      </c>
      <c r="R14" s="329"/>
    </row>
    <row r="15" spans="1:18" ht="19.5" customHeight="1" x14ac:dyDescent="0.15">
      <c r="A15" s="123">
        <v>10</v>
      </c>
      <c r="B15" s="122" t="s">
        <v>38</v>
      </c>
      <c r="C15" s="120">
        <v>332839</v>
      </c>
      <c r="D15" s="120">
        <v>27</v>
      </c>
      <c r="E15" s="121">
        <v>2.37</v>
      </c>
      <c r="F15" s="120">
        <v>342348</v>
      </c>
      <c r="G15" s="120">
        <v>26</v>
      </c>
      <c r="H15" s="121">
        <v>2.86</v>
      </c>
      <c r="I15" s="118">
        <v>352947</v>
      </c>
      <c r="J15" s="118">
        <v>24</v>
      </c>
      <c r="K15" s="121">
        <v>3.1</v>
      </c>
      <c r="L15" s="120">
        <v>341831</v>
      </c>
      <c r="M15" s="120">
        <v>22</v>
      </c>
      <c r="N15" s="119">
        <v>-3.15</v>
      </c>
      <c r="O15" s="111">
        <v>367231</v>
      </c>
      <c r="P15" s="118">
        <v>24</v>
      </c>
      <c r="Q15" s="117">
        <v>7.43</v>
      </c>
      <c r="R15" s="329"/>
    </row>
    <row r="16" spans="1:18" ht="19.5" customHeight="1" x14ac:dyDescent="0.15">
      <c r="A16" s="123">
        <v>11</v>
      </c>
      <c r="B16" s="122" t="s">
        <v>37</v>
      </c>
      <c r="C16" s="120">
        <v>356033</v>
      </c>
      <c r="D16" s="120">
        <v>15</v>
      </c>
      <c r="E16" s="121">
        <v>4.1500000000000004</v>
      </c>
      <c r="F16" s="120">
        <v>361811</v>
      </c>
      <c r="G16" s="120">
        <v>13</v>
      </c>
      <c r="H16" s="121">
        <v>1.62</v>
      </c>
      <c r="I16" s="118">
        <v>371852</v>
      </c>
      <c r="J16" s="118">
        <v>14</v>
      </c>
      <c r="K16" s="121">
        <v>2.78</v>
      </c>
      <c r="L16" s="120">
        <v>366473</v>
      </c>
      <c r="M16" s="120">
        <v>13</v>
      </c>
      <c r="N16" s="119">
        <v>-1.45</v>
      </c>
      <c r="O16" s="111">
        <v>376983</v>
      </c>
      <c r="P16" s="118">
        <v>18</v>
      </c>
      <c r="Q16" s="117">
        <v>2.87</v>
      </c>
      <c r="R16" s="329"/>
    </row>
    <row r="17" spans="1:18" ht="19.5" customHeight="1" x14ac:dyDescent="0.15">
      <c r="A17" s="123">
        <v>12</v>
      </c>
      <c r="B17" s="122" t="s">
        <v>36</v>
      </c>
      <c r="C17" s="120">
        <v>343852</v>
      </c>
      <c r="D17" s="120">
        <v>21</v>
      </c>
      <c r="E17" s="121">
        <v>2.99</v>
      </c>
      <c r="F17" s="120">
        <v>350590</v>
      </c>
      <c r="G17" s="120">
        <v>21</v>
      </c>
      <c r="H17" s="121">
        <v>1.96</v>
      </c>
      <c r="I17" s="118">
        <v>362354</v>
      </c>
      <c r="J17" s="118">
        <v>20</v>
      </c>
      <c r="K17" s="121">
        <v>3.36</v>
      </c>
      <c r="L17" s="120">
        <v>348834</v>
      </c>
      <c r="M17" s="120">
        <v>20</v>
      </c>
      <c r="N17" s="119">
        <v>-3.73</v>
      </c>
      <c r="O17" s="111">
        <v>375617</v>
      </c>
      <c r="P17" s="118">
        <v>19</v>
      </c>
      <c r="Q17" s="117">
        <v>7.68</v>
      </c>
      <c r="R17" s="329"/>
    </row>
    <row r="18" spans="1:18" ht="19.5" customHeight="1" x14ac:dyDescent="0.15">
      <c r="A18" s="123">
        <v>13</v>
      </c>
      <c r="B18" s="122" t="s">
        <v>35</v>
      </c>
      <c r="C18" s="120">
        <v>331913</v>
      </c>
      <c r="D18" s="120">
        <v>28</v>
      </c>
      <c r="E18" s="121">
        <v>0.42</v>
      </c>
      <c r="F18" s="120">
        <v>341585</v>
      </c>
      <c r="G18" s="120">
        <v>27</v>
      </c>
      <c r="H18" s="121">
        <v>2.91</v>
      </c>
      <c r="I18" s="118">
        <v>351968</v>
      </c>
      <c r="J18" s="118">
        <v>25</v>
      </c>
      <c r="K18" s="121">
        <v>3.04</v>
      </c>
      <c r="L18" s="120">
        <v>338550</v>
      </c>
      <c r="M18" s="120">
        <v>25</v>
      </c>
      <c r="N18" s="119">
        <v>-3.81</v>
      </c>
      <c r="O18" s="111">
        <v>363292</v>
      </c>
      <c r="P18" s="118">
        <v>26</v>
      </c>
      <c r="Q18" s="117">
        <v>7.31</v>
      </c>
      <c r="R18" s="329"/>
    </row>
    <row r="19" spans="1:18" ht="19.5" customHeight="1" x14ac:dyDescent="0.15">
      <c r="A19" s="123">
        <v>14</v>
      </c>
      <c r="B19" s="122" t="s">
        <v>34</v>
      </c>
      <c r="C19" s="120">
        <v>325024</v>
      </c>
      <c r="D19" s="120">
        <v>31</v>
      </c>
      <c r="E19" s="121">
        <v>1.2</v>
      </c>
      <c r="F19" s="120">
        <v>332330</v>
      </c>
      <c r="G19" s="120">
        <v>31</v>
      </c>
      <c r="H19" s="121">
        <v>2.25</v>
      </c>
      <c r="I19" s="118">
        <v>342671</v>
      </c>
      <c r="J19" s="118">
        <v>31</v>
      </c>
      <c r="K19" s="121">
        <v>3.11</v>
      </c>
      <c r="L19" s="120">
        <v>333279</v>
      </c>
      <c r="M19" s="120">
        <v>30</v>
      </c>
      <c r="N19" s="119">
        <v>-2.74</v>
      </c>
      <c r="O19" s="111">
        <v>354483</v>
      </c>
      <c r="P19" s="118">
        <v>31</v>
      </c>
      <c r="Q19" s="117">
        <v>6.36</v>
      </c>
      <c r="R19" s="329"/>
    </row>
    <row r="20" spans="1:18" ht="19.5" customHeight="1" x14ac:dyDescent="0.15">
      <c r="A20" s="123">
        <v>15</v>
      </c>
      <c r="B20" s="122" t="s">
        <v>33</v>
      </c>
      <c r="C20" s="120">
        <v>353129</v>
      </c>
      <c r="D20" s="120">
        <v>16</v>
      </c>
      <c r="E20" s="121">
        <v>2.06</v>
      </c>
      <c r="F20" s="120">
        <v>366628</v>
      </c>
      <c r="G20" s="120">
        <v>10</v>
      </c>
      <c r="H20" s="121">
        <v>3.82</v>
      </c>
      <c r="I20" s="118">
        <v>372476</v>
      </c>
      <c r="J20" s="118">
        <v>13</v>
      </c>
      <c r="K20" s="121">
        <v>1.6</v>
      </c>
      <c r="L20" s="120">
        <v>371845</v>
      </c>
      <c r="M20" s="120">
        <v>11</v>
      </c>
      <c r="N20" s="119">
        <v>-0.17</v>
      </c>
      <c r="O20" s="111">
        <v>398560</v>
      </c>
      <c r="P20" s="118">
        <v>11</v>
      </c>
      <c r="Q20" s="117">
        <v>7.18</v>
      </c>
      <c r="R20" s="329"/>
    </row>
    <row r="21" spans="1:18" ht="19.5" customHeight="1" x14ac:dyDescent="0.15">
      <c r="A21" s="123">
        <v>16</v>
      </c>
      <c r="B21" s="122" t="s">
        <v>32</v>
      </c>
      <c r="C21" s="120">
        <v>335264</v>
      </c>
      <c r="D21" s="120">
        <v>25</v>
      </c>
      <c r="E21" s="121">
        <v>6.09</v>
      </c>
      <c r="F21" s="120">
        <v>334386</v>
      </c>
      <c r="G21" s="120">
        <v>30</v>
      </c>
      <c r="H21" s="121">
        <v>-0.26</v>
      </c>
      <c r="I21" s="118">
        <v>349480</v>
      </c>
      <c r="J21" s="118">
        <v>29</v>
      </c>
      <c r="K21" s="121">
        <v>4.51</v>
      </c>
      <c r="L21" s="120">
        <v>338471</v>
      </c>
      <c r="M21" s="120">
        <v>26</v>
      </c>
      <c r="N21" s="119">
        <v>-3.15</v>
      </c>
      <c r="O21" s="111">
        <v>358724</v>
      </c>
      <c r="P21" s="118">
        <v>29</v>
      </c>
      <c r="Q21" s="117">
        <v>5.98</v>
      </c>
      <c r="R21" s="329"/>
    </row>
    <row r="22" spans="1:18" ht="19.5" customHeight="1" x14ac:dyDescent="0.15">
      <c r="A22" s="123">
        <v>17</v>
      </c>
      <c r="B22" s="122" t="s">
        <v>31</v>
      </c>
      <c r="C22" s="120">
        <v>331092</v>
      </c>
      <c r="D22" s="120">
        <v>29</v>
      </c>
      <c r="E22" s="121">
        <v>3.05</v>
      </c>
      <c r="F22" s="120">
        <v>342544</v>
      </c>
      <c r="G22" s="120">
        <v>24</v>
      </c>
      <c r="H22" s="121">
        <v>3.46</v>
      </c>
      <c r="I22" s="118">
        <v>348412</v>
      </c>
      <c r="J22" s="118">
        <v>30</v>
      </c>
      <c r="K22" s="121">
        <v>1.71</v>
      </c>
      <c r="L22" s="120">
        <v>333197</v>
      </c>
      <c r="M22" s="120">
        <v>31</v>
      </c>
      <c r="N22" s="119">
        <v>-4.37</v>
      </c>
      <c r="O22" s="111">
        <v>371027</v>
      </c>
      <c r="P22" s="118">
        <v>22</v>
      </c>
      <c r="Q22" s="117">
        <v>11.35</v>
      </c>
      <c r="R22" s="329"/>
    </row>
    <row r="23" spans="1:18" ht="19.5" customHeight="1" x14ac:dyDescent="0.15">
      <c r="A23" s="123">
        <v>18</v>
      </c>
      <c r="B23" s="122" t="s">
        <v>30</v>
      </c>
      <c r="C23" s="120">
        <v>383584</v>
      </c>
      <c r="D23" s="120">
        <v>5</v>
      </c>
      <c r="E23" s="121">
        <v>6.87</v>
      </c>
      <c r="F23" s="120">
        <v>368417</v>
      </c>
      <c r="G23" s="120">
        <v>9</v>
      </c>
      <c r="H23" s="121">
        <v>-3.95</v>
      </c>
      <c r="I23" s="118">
        <v>395977</v>
      </c>
      <c r="J23" s="118">
        <v>7</v>
      </c>
      <c r="K23" s="121">
        <v>7.48</v>
      </c>
      <c r="L23" s="120">
        <v>368549</v>
      </c>
      <c r="M23" s="120">
        <v>12</v>
      </c>
      <c r="N23" s="119">
        <v>-6.93</v>
      </c>
      <c r="O23" s="111">
        <v>403651</v>
      </c>
      <c r="P23" s="118">
        <v>8</v>
      </c>
      <c r="Q23" s="117">
        <v>9.52</v>
      </c>
      <c r="R23" s="329"/>
    </row>
    <row r="24" spans="1:18" ht="19.5" customHeight="1" x14ac:dyDescent="0.15">
      <c r="A24" s="123">
        <v>19</v>
      </c>
      <c r="B24" s="122" t="s">
        <v>29</v>
      </c>
      <c r="C24" s="120">
        <v>315588</v>
      </c>
      <c r="D24" s="120">
        <v>32</v>
      </c>
      <c r="E24" s="121">
        <v>3.3</v>
      </c>
      <c r="F24" s="120">
        <v>310724</v>
      </c>
      <c r="G24" s="120">
        <v>33</v>
      </c>
      <c r="H24" s="121">
        <v>-1.54</v>
      </c>
      <c r="I24" s="118">
        <v>328958</v>
      </c>
      <c r="J24" s="118">
        <v>33</v>
      </c>
      <c r="K24" s="121">
        <v>5.87</v>
      </c>
      <c r="L24" s="120">
        <v>315788</v>
      </c>
      <c r="M24" s="120">
        <v>32</v>
      </c>
      <c r="N24" s="119">
        <v>-4</v>
      </c>
      <c r="O24" s="111">
        <v>347334</v>
      </c>
      <c r="P24" s="118">
        <v>32</v>
      </c>
      <c r="Q24" s="117">
        <v>9.99</v>
      </c>
      <c r="R24" s="329"/>
    </row>
    <row r="25" spans="1:18" ht="19.5" customHeight="1" x14ac:dyDescent="0.15">
      <c r="A25" s="123">
        <v>20</v>
      </c>
      <c r="B25" s="122" t="s">
        <v>28</v>
      </c>
      <c r="C25" s="120">
        <v>362000</v>
      </c>
      <c r="D25" s="120">
        <v>13</v>
      </c>
      <c r="E25" s="121">
        <v>5.47</v>
      </c>
      <c r="F25" s="120">
        <v>358045</v>
      </c>
      <c r="G25" s="120">
        <v>19</v>
      </c>
      <c r="H25" s="121">
        <v>-1.0900000000000001</v>
      </c>
      <c r="I25" s="118">
        <v>357040</v>
      </c>
      <c r="J25" s="118">
        <v>21</v>
      </c>
      <c r="K25" s="121">
        <v>-0.28000000000000003</v>
      </c>
      <c r="L25" s="120">
        <v>355176</v>
      </c>
      <c r="M25" s="120">
        <v>18</v>
      </c>
      <c r="N25" s="119">
        <v>-0.52</v>
      </c>
      <c r="O25" s="111">
        <v>368867</v>
      </c>
      <c r="P25" s="118">
        <v>23</v>
      </c>
      <c r="Q25" s="117">
        <v>3.85</v>
      </c>
      <c r="R25" s="329"/>
    </row>
    <row r="26" spans="1:18" ht="19.5" customHeight="1" x14ac:dyDescent="0.15">
      <c r="A26" s="123">
        <v>21</v>
      </c>
      <c r="B26" s="122" t="s">
        <v>27</v>
      </c>
      <c r="C26" s="120">
        <v>336309</v>
      </c>
      <c r="D26" s="120">
        <v>24</v>
      </c>
      <c r="E26" s="121">
        <v>5.6</v>
      </c>
      <c r="F26" s="120">
        <v>345572</v>
      </c>
      <c r="G26" s="120">
        <v>22</v>
      </c>
      <c r="H26" s="121">
        <v>2.75</v>
      </c>
      <c r="I26" s="118">
        <v>355133</v>
      </c>
      <c r="J26" s="118">
        <v>22</v>
      </c>
      <c r="K26" s="121">
        <v>2.77</v>
      </c>
      <c r="L26" s="120">
        <v>340535</v>
      </c>
      <c r="M26" s="120">
        <v>24</v>
      </c>
      <c r="N26" s="119">
        <v>-4.1100000000000003</v>
      </c>
      <c r="O26" s="111">
        <v>366888</v>
      </c>
      <c r="P26" s="118">
        <v>25</v>
      </c>
      <c r="Q26" s="117">
        <v>7.74</v>
      </c>
      <c r="R26" s="329"/>
    </row>
    <row r="27" spans="1:18" ht="19.5" customHeight="1" x14ac:dyDescent="0.15">
      <c r="A27" s="123">
        <v>22</v>
      </c>
      <c r="B27" s="122" t="s">
        <v>26</v>
      </c>
      <c r="C27" s="120">
        <v>357876</v>
      </c>
      <c r="D27" s="120">
        <v>14</v>
      </c>
      <c r="E27" s="121">
        <v>3.17</v>
      </c>
      <c r="F27" s="120">
        <v>377833</v>
      </c>
      <c r="G27" s="120">
        <v>7</v>
      </c>
      <c r="H27" s="121">
        <v>5.58</v>
      </c>
      <c r="I27" s="118">
        <v>381701</v>
      </c>
      <c r="J27" s="118">
        <v>9</v>
      </c>
      <c r="K27" s="121">
        <v>1.02</v>
      </c>
      <c r="L27" s="120">
        <v>375660</v>
      </c>
      <c r="M27" s="120">
        <v>10</v>
      </c>
      <c r="N27" s="119">
        <v>-1.58</v>
      </c>
      <c r="O27" s="111">
        <v>385683</v>
      </c>
      <c r="P27" s="118">
        <v>15</v>
      </c>
      <c r="Q27" s="117">
        <v>2.67</v>
      </c>
      <c r="R27" s="329"/>
    </row>
    <row r="28" spans="1:18" ht="19.5" customHeight="1" x14ac:dyDescent="0.15">
      <c r="A28" s="123">
        <v>23</v>
      </c>
      <c r="B28" s="122" t="s">
        <v>25</v>
      </c>
      <c r="C28" s="120">
        <v>378736</v>
      </c>
      <c r="D28" s="120">
        <v>7</v>
      </c>
      <c r="E28" s="121">
        <v>5.07</v>
      </c>
      <c r="F28" s="120">
        <v>360019</v>
      </c>
      <c r="G28" s="120">
        <v>14</v>
      </c>
      <c r="H28" s="121">
        <v>-4.9400000000000004</v>
      </c>
      <c r="I28" s="118">
        <v>370383</v>
      </c>
      <c r="J28" s="118">
        <v>15</v>
      </c>
      <c r="K28" s="121">
        <v>2.88</v>
      </c>
      <c r="L28" s="120">
        <v>345239</v>
      </c>
      <c r="M28" s="120">
        <v>21</v>
      </c>
      <c r="N28" s="119">
        <v>-6.79</v>
      </c>
      <c r="O28" s="111">
        <v>374915</v>
      </c>
      <c r="P28" s="118">
        <v>20</v>
      </c>
      <c r="Q28" s="117">
        <v>8.6</v>
      </c>
      <c r="R28" s="329"/>
    </row>
    <row r="29" spans="1:18" ht="19.5" customHeight="1" x14ac:dyDescent="0.15">
      <c r="A29" s="123">
        <v>24</v>
      </c>
      <c r="B29" s="122" t="s">
        <v>24</v>
      </c>
      <c r="C29" s="120">
        <v>385925</v>
      </c>
      <c r="D29" s="120">
        <v>4</v>
      </c>
      <c r="E29" s="121">
        <v>9.77</v>
      </c>
      <c r="F29" s="120">
        <v>358871</v>
      </c>
      <c r="G29" s="120">
        <v>17</v>
      </c>
      <c r="H29" s="121">
        <v>-7.01</v>
      </c>
      <c r="I29" s="118">
        <v>399054</v>
      </c>
      <c r="J29" s="118">
        <v>6</v>
      </c>
      <c r="K29" s="121">
        <v>11.2</v>
      </c>
      <c r="L29" s="120">
        <v>378170</v>
      </c>
      <c r="M29" s="120">
        <v>7</v>
      </c>
      <c r="N29" s="119">
        <v>-5.23</v>
      </c>
      <c r="O29" s="111">
        <v>408137</v>
      </c>
      <c r="P29" s="118">
        <v>7</v>
      </c>
      <c r="Q29" s="117">
        <v>7.92</v>
      </c>
      <c r="R29" s="329"/>
    </row>
    <row r="30" spans="1:18" ht="19.5" customHeight="1" x14ac:dyDescent="0.15">
      <c r="A30" s="123">
        <v>25</v>
      </c>
      <c r="B30" s="122" t="s">
        <v>23</v>
      </c>
      <c r="C30" s="120">
        <v>307012</v>
      </c>
      <c r="D30" s="120">
        <v>33</v>
      </c>
      <c r="E30" s="121">
        <v>4.17</v>
      </c>
      <c r="F30" s="120">
        <v>314994</v>
      </c>
      <c r="G30" s="120">
        <v>32</v>
      </c>
      <c r="H30" s="121">
        <v>2.6</v>
      </c>
      <c r="I30" s="118">
        <v>333818</v>
      </c>
      <c r="J30" s="118">
        <v>32</v>
      </c>
      <c r="K30" s="121">
        <v>5.98</v>
      </c>
      <c r="L30" s="120">
        <v>300853</v>
      </c>
      <c r="M30" s="120">
        <v>33</v>
      </c>
      <c r="N30" s="119">
        <v>-9.8800000000000008</v>
      </c>
      <c r="O30" s="111">
        <v>316857</v>
      </c>
      <c r="P30" s="118">
        <v>33</v>
      </c>
      <c r="Q30" s="117">
        <v>5.32</v>
      </c>
      <c r="R30" s="329"/>
    </row>
    <row r="31" spans="1:18" ht="19.5" customHeight="1" x14ac:dyDescent="0.15">
      <c r="A31" s="123">
        <v>26</v>
      </c>
      <c r="B31" s="122" t="s">
        <v>22</v>
      </c>
      <c r="C31" s="120">
        <v>405524</v>
      </c>
      <c r="D31" s="120">
        <v>2</v>
      </c>
      <c r="E31" s="121">
        <v>5.19</v>
      </c>
      <c r="F31" s="120">
        <v>422834</v>
      </c>
      <c r="G31" s="120">
        <v>3</v>
      </c>
      <c r="H31" s="121">
        <v>4.2699999999999996</v>
      </c>
      <c r="I31" s="118">
        <v>404340</v>
      </c>
      <c r="J31" s="118">
        <v>4</v>
      </c>
      <c r="K31" s="121">
        <v>-4.37</v>
      </c>
      <c r="L31" s="120">
        <v>379871</v>
      </c>
      <c r="M31" s="120">
        <v>6</v>
      </c>
      <c r="N31" s="119">
        <v>-6.05</v>
      </c>
      <c r="O31" s="111">
        <v>397804</v>
      </c>
      <c r="P31" s="118">
        <v>12</v>
      </c>
      <c r="Q31" s="117">
        <v>4.72</v>
      </c>
      <c r="R31" s="329"/>
    </row>
    <row r="32" spans="1:18" ht="19.5" customHeight="1" x14ac:dyDescent="0.15">
      <c r="A32" s="123">
        <v>27</v>
      </c>
      <c r="B32" s="122" t="s">
        <v>21</v>
      </c>
      <c r="C32" s="120">
        <v>407655</v>
      </c>
      <c r="D32" s="120">
        <v>1</v>
      </c>
      <c r="E32" s="121">
        <v>-2.2000000000000002</v>
      </c>
      <c r="F32" s="120">
        <v>441364</v>
      </c>
      <c r="G32" s="120">
        <v>1</v>
      </c>
      <c r="H32" s="121">
        <v>8.27</v>
      </c>
      <c r="I32" s="118">
        <v>452630</v>
      </c>
      <c r="J32" s="118">
        <v>1</v>
      </c>
      <c r="K32" s="121">
        <v>2.5499999999999998</v>
      </c>
      <c r="L32" s="120">
        <v>440405</v>
      </c>
      <c r="M32" s="120">
        <v>1</v>
      </c>
      <c r="N32" s="119">
        <v>-2.7</v>
      </c>
      <c r="O32" s="111">
        <v>425695</v>
      </c>
      <c r="P32" s="118">
        <v>2</v>
      </c>
      <c r="Q32" s="117">
        <v>-3.34</v>
      </c>
      <c r="R32" s="329"/>
    </row>
    <row r="33" spans="1:18" ht="19.5" customHeight="1" x14ac:dyDescent="0.15">
      <c r="A33" s="123">
        <v>28</v>
      </c>
      <c r="B33" s="122" t="s">
        <v>20</v>
      </c>
      <c r="C33" s="120">
        <v>400729</v>
      </c>
      <c r="D33" s="120">
        <v>3</v>
      </c>
      <c r="E33" s="121">
        <v>4.21</v>
      </c>
      <c r="F33" s="120">
        <v>393792</v>
      </c>
      <c r="G33" s="120">
        <v>4</v>
      </c>
      <c r="H33" s="121">
        <v>-1.73</v>
      </c>
      <c r="I33" s="118">
        <v>410838</v>
      </c>
      <c r="J33" s="118">
        <v>3</v>
      </c>
      <c r="K33" s="121">
        <v>4.33</v>
      </c>
      <c r="L33" s="120">
        <v>382462</v>
      </c>
      <c r="M33" s="120">
        <v>5</v>
      </c>
      <c r="N33" s="119">
        <v>-6.91</v>
      </c>
      <c r="O33" s="111">
        <v>424956</v>
      </c>
      <c r="P33" s="118">
        <v>3</v>
      </c>
      <c r="Q33" s="117">
        <v>11.11</v>
      </c>
      <c r="R33" s="329"/>
    </row>
    <row r="34" spans="1:18" ht="19.5" customHeight="1" x14ac:dyDescent="0.15">
      <c r="A34" s="123">
        <v>29</v>
      </c>
      <c r="B34" s="122" t="s">
        <v>19</v>
      </c>
      <c r="C34" s="120">
        <v>365995</v>
      </c>
      <c r="D34" s="120">
        <v>12</v>
      </c>
      <c r="E34" s="121">
        <v>4.54</v>
      </c>
      <c r="F34" s="120">
        <v>358992</v>
      </c>
      <c r="G34" s="120">
        <v>16</v>
      </c>
      <c r="H34" s="121">
        <v>-1.91</v>
      </c>
      <c r="I34" s="118">
        <v>365827</v>
      </c>
      <c r="J34" s="118">
        <v>17</v>
      </c>
      <c r="K34" s="121">
        <v>1.9</v>
      </c>
      <c r="L34" s="120">
        <v>375705</v>
      </c>
      <c r="M34" s="120">
        <v>9</v>
      </c>
      <c r="N34" s="119">
        <v>2.7</v>
      </c>
      <c r="O34" s="111">
        <v>418327</v>
      </c>
      <c r="P34" s="118">
        <v>5</v>
      </c>
      <c r="Q34" s="117">
        <v>11.34</v>
      </c>
      <c r="R34" s="329"/>
    </row>
    <row r="35" spans="1:18" ht="19.5" customHeight="1" x14ac:dyDescent="0.15">
      <c r="A35" s="123">
        <v>30</v>
      </c>
      <c r="B35" s="122" t="s">
        <v>18</v>
      </c>
      <c r="C35" s="120">
        <v>375765</v>
      </c>
      <c r="D35" s="120">
        <v>8</v>
      </c>
      <c r="E35" s="121">
        <v>-3.15</v>
      </c>
      <c r="F35" s="120">
        <v>424635</v>
      </c>
      <c r="G35" s="120">
        <v>2</v>
      </c>
      <c r="H35" s="121">
        <v>13.01</v>
      </c>
      <c r="I35" s="118">
        <v>422771</v>
      </c>
      <c r="J35" s="118">
        <v>2</v>
      </c>
      <c r="K35" s="121">
        <v>-0.44</v>
      </c>
      <c r="L35" s="120">
        <v>389801</v>
      </c>
      <c r="M35" s="120">
        <v>2</v>
      </c>
      <c r="N35" s="119">
        <v>-7.8</v>
      </c>
      <c r="O35" s="111">
        <v>427532</v>
      </c>
      <c r="P35" s="118">
        <v>1</v>
      </c>
      <c r="Q35" s="117">
        <v>9.68</v>
      </c>
      <c r="R35" s="329"/>
    </row>
    <row r="36" spans="1:18" ht="19.5" customHeight="1" x14ac:dyDescent="0.15">
      <c r="A36" s="123">
        <v>31</v>
      </c>
      <c r="B36" s="122" t="s">
        <v>17</v>
      </c>
      <c r="C36" s="120">
        <v>366924</v>
      </c>
      <c r="D36" s="120">
        <v>11</v>
      </c>
      <c r="E36" s="121">
        <v>4.01</v>
      </c>
      <c r="F36" s="120">
        <v>355080</v>
      </c>
      <c r="G36" s="120">
        <v>20</v>
      </c>
      <c r="H36" s="121">
        <v>-3.23</v>
      </c>
      <c r="I36" s="118">
        <v>380269</v>
      </c>
      <c r="J36" s="118">
        <v>10</v>
      </c>
      <c r="K36" s="121">
        <v>7.09</v>
      </c>
      <c r="L36" s="120">
        <v>355820</v>
      </c>
      <c r="M36" s="120">
        <v>17</v>
      </c>
      <c r="N36" s="119">
        <v>-6.43</v>
      </c>
      <c r="O36" s="111">
        <v>384886</v>
      </c>
      <c r="P36" s="118">
        <v>16</v>
      </c>
      <c r="Q36" s="117">
        <v>8.17</v>
      </c>
      <c r="R36" s="329"/>
    </row>
    <row r="37" spans="1:18" ht="19.5" customHeight="1" x14ac:dyDescent="0.15">
      <c r="A37" s="123">
        <v>32</v>
      </c>
      <c r="B37" s="122" t="s">
        <v>16</v>
      </c>
      <c r="C37" s="120">
        <v>346522</v>
      </c>
      <c r="D37" s="120">
        <v>20</v>
      </c>
      <c r="E37" s="121">
        <v>0.42</v>
      </c>
      <c r="F37" s="120">
        <v>362393</v>
      </c>
      <c r="G37" s="120">
        <v>12</v>
      </c>
      <c r="H37" s="121">
        <v>4.58</v>
      </c>
      <c r="I37" s="118">
        <v>378364</v>
      </c>
      <c r="J37" s="118">
        <v>11</v>
      </c>
      <c r="K37" s="121">
        <v>4.41</v>
      </c>
      <c r="L37" s="120">
        <v>360282</v>
      </c>
      <c r="M37" s="120">
        <v>15</v>
      </c>
      <c r="N37" s="119">
        <v>-4.78</v>
      </c>
      <c r="O37" s="111">
        <v>392038</v>
      </c>
      <c r="P37" s="118">
        <v>13</v>
      </c>
      <c r="Q37" s="117">
        <v>8.81</v>
      </c>
      <c r="R37" s="329"/>
    </row>
    <row r="38" spans="1:18" ht="18" customHeight="1" thickBot="1" x14ac:dyDescent="0.2">
      <c r="A38" s="116">
        <v>33</v>
      </c>
      <c r="B38" s="115" t="s">
        <v>15</v>
      </c>
      <c r="C38" s="113">
        <v>350884</v>
      </c>
      <c r="D38" s="113">
        <v>19</v>
      </c>
      <c r="E38" s="114">
        <v>-3.66</v>
      </c>
      <c r="F38" s="113">
        <v>373981</v>
      </c>
      <c r="G38" s="113">
        <v>8</v>
      </c>
      <c r="H38" s="114">
        <v>6.58</v>
      </c>
      <c r="I38" s="110">
        <v>363758</v>
      </c>
      <c r="J38" s="110">
        <v>19</v>
      </c>
      <c r="K38" s="114">
        <v>-2.73</v>
      </c>
      <c r="L38" s="113">
        <v>386916</v>
      </c>
      <c r="M38" s="113">
        <v>3</v>
      </c>
      <c r="N38" s="112">
        <v>6.37</v>
      </c>
      <c r="O38" s="111">
        <v>423987</v>
      </c>
      <c r="P38" s="110">
        <v>4</v>
      </c>
      <c r="Q38" s="109">
        <v>9.58</v>
      </c>
      <c r="R38" s="329"/>
    </row>
    <row r="39" spans="1:18" ht="12" hidden="1" customHeight="1" thickTop="1" thickBot="1" x14ac:dyDescent="0.2">
      <c r="A39" s="137">
        <v>34</v>
      </c>
      <c r="B39" s="136" t="s">
        <v>106</v>
      </c>
      <c r="C39" s="135"/>
      <c r="D39" s="134"/>
      <c r="E39" s="133"/>
      <c r="F39" s="135"/>
      <c r="G39" s="134"/>
      <c r="H39" s="133"/>
      <c r="I39" s="106"/>
      <c r="J39" s="106"/>
      <c r="K39" s="105"/>
      <c r="L39" s="104"/>
      <c r="M39" s="104"/>
      <c r="N39" s="102"/>
      <c r="O39" s="101"/>
      <c r="P39" s="132"/>
      <c r="Q39" s="99"/>
      <c r="R39" s="329"/>
    </row>
    <row r="40" spans="1:18" ht="12" hidden="1" customHeight="1" thickTop="1" thickBot="1" x14ac:dyDescent="0.2">
      <c r="A40" s="137">
        <v>35</v>
      </c>
      <c r="B40" s="136" t="s">
        <v>105</v>
      </c>
      <c r="C40" s="135"/>
      <c r="D40" s="134"/>
      <c r="E40" s="133"/>
      <c r="F40" s="135"/>
      <c r="G40" s="134"/>
      <c r="H40" s="133"/>
      <c r="I40" s="106"/>
      <c r="J40" s="106"/>
      <c r="K40" s="105"/>
      <c r="L40" s="104"/>
      <c r="M40" s="104"/>
      <c r="N40" s="102"/>
      <c r="O40" s="101"/>
      <c r="P40" s="132"/>
      <c r="Q40" s="99"/>
      <c r="R40" s="329"/>
    </row>
    <row r="41" spans="1:18" ht="12" hidden="1" customHeight="1" thickTop="1" thickBot="1" x14ac:dyDescent="0.2">
      <c r="A41" s="137">
        <v>36</v>
      </c>
      <c r="B41" s="136" t="s">
        <v>104</v>
      </c>
      <c r="C41" s="135"/>
      <c r="D41" s="134"/>
      <c r="E41" s="133"/>
      <c r="F41" s="135"/>
      <c r="G41" s="134"/>
      <c r="H41" s="133"/>
      <c r="I41" s="106"/>
      <c r="J41" s="106"/>
      <c r="K41" s="105"/>
      <c r="L41" s="104"/>
      <c r="M41" s="104"/>
      <c r="N41" s="102"/>
      <c r="O41" s="101"/>
      <c r="P41" s="132"/>
      <c r="Q41" s="99"/>
      <c r="R41" s="329"/>
    </row>
    <row r="42" spans="1:18" ht="12" hidden="1" customHeight="1" thickTop="1" thickBot="1" x14ac:dyDescent="0.2">
      <c r="A42" s="137">
        <v>37</v>
      </c>
      <c r="B42" s="136" t="s">
        <v>103</v>
      </c>
      <c r="C42" s="135"/>
      <c r="D42" s="134"/>
      <c r="E42" s="133"/>
      <c r="F42" s="135"/>
      <c r="G42" s="134"/>
      <c r="H42" s="133"/>
      <c r="I42" s="106"/>
      <c r="J42" s="106"/>
      <c r="K42" s="105"/>
      <c r="L42" s="104"/>
      <c r="M42" s="104"/>
      <c r="N42" s="102"/>
      <c r="O42" s="101"/>
      <c r="P42" s="132"/>
      <c r="Q42" s="99"/>
      <c r="R42" s="329"/>
    </row>
    <row r="43" spans="1:18" ht="19.5" customHeight="1" thickTop="1" x14ac:dyDescent="0.15">
      <c r="A43" s="131">
        <v>301</v>
      </c>
      <c r="B43" s="130" t="s">
        <v>102</v>
      </c>
      <c r="C43" s="128">
        <v>195328</v>
      </c>
      <c r="D43" s="128">
        <v>3</v>
      </c>
      <c r="E43" s="129">
        <v>5.73</v>
      </c>
      <c r="F43" s="128">
        <v>204777</v>
      </c>
      <c r="G43" s="128">
        <v>2</v>
      </c>
      <c r="H43" s="129">
        <v>4.84</v>
      </c>
      <c r="I43" s="125">
        <v>212763</v>
      </c>
      <c r="J43" s="125">
        <v>2</v>
      </c>
      <c r="K43" s="129">
        <v>3.9</v>
      </c>
      <c r="L43" s="128">
        <v>195945</v>
      </c>
      <c r="M43" s="128">
        <v>2</v>
      </c>
      <c r="N43" s="127">
        <v>-7.9</v>
      </c>
      <c r="O43" s="126">
        <v>216794</v>
      </c>
      <c r="P43" s="125">
        <v>2</v>
      </c>
      <c r="Q43" s="124">
        <v>10.64</v>
      </c>
      <c r="R43" s="329"/>
    </row>
    <row r="44" spans="1:18" ht="19.5" customHeight="1" x14ac:dyDescent="0.15">
      <c r="A44" s="123">
        <v>302</v>
      </c>
      <c r="B44" s="122" t="s">
        <v>101</v>
      </c>
      <c r="C44" s="120">
        <v>163665</v>
      </c>
      <c r="D44" s="120">
        <v>6</v>
      </c>
      <c r="E44" s="121">
        <v>3.13</v>
      </c>
      <c r="F44" s="120">
        <v>168352</v>
      </c>
      <c r="G44" s="120">
        <v>6</v>
      </c>
      <c r="H44" s="121">
        <v>2.86</v>
      </c>
      <c r="I44" s="118">
        <v>171686</v>
      </c>
      <c r="J44" s="118">
        <v>6</v>
      </c>
      <c r="K44" s="121">
        <v>1.98</v>
      </c>
      <c r="L44" s="120">
        <v>164470</v>
      </c>
      <c r="M44" s="120">
        <v>6</v>
      </c>
      <c r="N44" s="119">
        <v>-4.2</v>
      </c>
      <c r="O44" s="111">
        <v>182522</v>
      </c>
      <c r="P44" s="118">
        <v>6</v>
      </c>
      <c r="Q44" s="117">
        <v>10.98</v>
      </c>
      <c r="R44" s="329"/>
    </row>
    <row r="45" spans="1:18" ht="19.5" customHeight="1" x14ac:dyDescent="0.15">
      <c r="A45" s="123">
        <v>303</v>
      </c>
      <c r="B45" s="122" t="s">
        <v>100</v>
      </c>
      <c r="C45" s="120">
        <v>242506</v>
      </c>
      <c r="D45" s="120">
        <v>1</v>
      </c>
      <c r="E45" s="121">
        <v>-0.12</v>
      </c>
      <c r="F45" s="120">
        <v>246561</v>
      </c>
      <c r="G45" s="120">
        <v>1</v>
      </c>
      <c r="H45" s="121">
        <v>1.67</v>
      </c>
      <c r="I45" s="118">
        <v>257090</v>
      </c>
      <c r="J45" s="118">
        <v>1</v>
      </c>
      <c r="K45" s="121">
        <v>4.2699999999999996</v>
      </c>
      <c r="L45" s="120">
        <v>236406</v>
      </c>
      <c r="M45" s="120">
        <v>1</v>
      </c>
      <c r="N45" s="119">
        <v>-8.0500000000000007</v>
      </c>
      <c r="O45" s="111">
        <v>249592</v>
      </c>
      <c r="P45" s="118">
        <v>1</v>
      </c>
      <c r="Q45" s="117">
        <v>5.58</v>
      </c>
      <c r="R45" s="329"/>
    </row>
    <row r="46" spans="1:18" ht="19.5" customHeight="1" x14ac:dyDescent="0.15">
      <c r="A46" s="123">
        <v>304</v>
      </c>
      <c r="B46" s="122" t="s">
        <v>99</v>
      </c>
      <c r="C46" s="120">
        <v>187551</v>
      </c>
      <c r="D46" s="120">
        <v>5</v>
      </c>
      <c r="E46" s="121">
        <v>-1.47</v>
      </c>
      <c r="F46" s="120">
        <v>182626</v>
      </c>
      <c r="G46" s="120">
        <v>5</v>
      </c>
      <c r="H46" s="121">
        <v>-2.63</v>
      </c>
      <c r="I46" s="118">
        <v>201062</v>
      </c>
      <c r="J46" s="118">
        <v>4</v>
      </c>
      <c r="K46" s="121">
        <v>10.09</v>
      </c>
      <c r="L46" s="120">
        <v>187498</v>
      </c>
      <c r="M46" s="120">
        <v>5</v>
      </c>
      <c r="N46" s="119">
        <v>-6.75</v>
      </c>
      <c r="O46" s="111">
        <v>203319</v>
      </c>
      <c r="P46" s="118">
        <v>5</v>
      </c>
      <c r="Q46" s="117">
        <v>8.44</v>
      </c>
      <c r="R46" s="329"/>
    </row>
    <row r="47" spans="1:18" ht="19.5" customHeight="1" x14ac:dyDescent="0.15">
      <c r="A47" s="123">
        <v>305</v>
      </c>
      <c r="B47" s="122" t="s">
        <v>98</v>
      </c>
      <c r="C47" s="120">
        <v>189146</v>
      </c>
      <c r="D47" s="120">
        <v>4</v>
      </c>
      <c r="E47" s="121">
        <v>-1.36</v>
      </c>
      <c r="F47" s="120">
        <v>191391</v>
      </c>
      <c r="G47" s="120">
        <v>4</v>
      </c>
      <c r="H47" s="121">
        <v>1.19</v>
      </c>
      <c r="I47" s="118">
        <v>198808</v>
      </c>
      <c r="J47" s="118">
        <v>5</v>
      </c>
      <c r="K47" s="121">
        <v>3.88</v>
      </c>
      <c r="L47" s="120">
        <v>187782</v>
      </c>
      <c r="M47" s="120">
        <v>4</v>
      </c>
      <c r="N47" s="119">
        <v>-5.55</v>
      </c>
      <c r="O47" s="111">
        <v>207869</v>
      </c>
      <c r="P47" s="118">
        <v>4</v>
      </c>
      <c r="Q47" s="117">
        <v>10.7</v>
      </c>
      <c r="R47" s="329"/>
    </row>
    <row r="48" spans="1:18" ht="19.5" customHeight="1" thickBot="1" x14ac:dyDescent="0.2">
      <c r="A48" s="116">
        <v>306</v>
      </c>
      <c r="B48" s="115" t="s">
        <v>97</v>
      </c>
      <c r="C48" s="113">
        <v>198497</v>
      </c>
      <c r="D48" s="113">
        <v>2</v>
      </c>
      <c r="E48" s="114">
        <v>-1.34</v>
      </c>
      <c r="F48" s="113">
        <v>197091</v>
      </c>
      <c r="G48" s="113">
        <v>3</v>
      </c>
      <c r="H48" s="114">
        <v>-0.71</v>
      </c>
      <c r="I48" s="110">
        <v>201835</v>
      </c>
      <c r="J48" s="110">
        <v>3</v>
      </c>
      <c r="K48" s="114">
        <v>2.41</v>
      </c>
      <c r="L48" s="113">
        <v>188810</v>
      </c>
      <c r="M48" s="113">
        <v>3</v>
      </c>
      <c r="N48" s="112">
        <v>-6.45</v>
      </c>
      <c r="O48" s="111">
        <v>208243</v>
      </c>
      <c r="P48" s="110">
        <v>3</v>
      </c>
      <c r="Q48" s="109">
        <v>10.29</v>
      </c>
      <c r="R48" s="329"/>
    </row>
    <row r="49" spans="1:17" ht="19.5" customHeight="1" thickTop="1" thickBot="1" x14ac:dyDescent="0.2">
      <c r="A49" s="373" t="s">
        <v>3</v>
      </c>
      <c r="B49" s="374"/>
      <c r="C49" s="104">
        <v>346612</v>
      </c>
      <c r="D49" s="108"/>
      <c r="E49" s="105">
        <v>3.01</v>
      </c>
      <c r="F49" s="104">
        <v>353301</v>
      </c>
      <c r="G49" s="107"/>
      <c r="H49" s="105">
        <v>1.93</v>
      </c>
      <c r="I49" s="106">
        <v>362703</v>
      </c>
      <c r="J49" s="100"/>
      <c r="K49" s="105">
        <v>2.66</v>
      </c>
      <c r="L49" s="104">
        <v>350734</v>
      </c>
      <c r="M49" s="103"/>
      <c r="N49" s="102">
        <v>-3.3</v>
      </c>
      <c r="O49" s="101">
        <v>377905</v>
      </c>
      <c r="P49" s="100" t="s">
        <v>79</v>
      </c>
      <c r="Q49" s="99">
        <v>7.75</v>
      </c>
    </row>
    <row r="50" spans="1:17" ht="19.5" customHeight="1" thickTop="1" thickBot="1" x14ac:dyDescent="0.2">
      <c r="A50" s="373" t="s">
        <v>96</v>
      </c>
      <c r="B50" s="374"/>
      <c r="C50" s="104">
        <v>198483</v>
      </c>
      <c r="D50" s="108"/>
      <c r="E50" s="105">
        <v>-0.38</v>
      </c>
      <c r="F50" s="104">
        <v>199105</v>
      </c>
      <c r="G50" s="107"/>
      <c r="H50" s="105">
        <v>0.31</v>
      </c>
      <c r="I50" s="106">
        <v>204797</v>
      </c>
      <c r="J50" s="100"/>
      <c r="K50" s="105">
        <v>2.86</v>
      </c>
      <c r="L50" s="104">
        <v>191155</v>
      </c>
      <c r="M50" s="103"/>
      <c r="N50" s="102">
        <v>-6.66</v>
      </c>
      <c r="O50" s="101">
        <v>209741</v>
      </c>
      <c r="P50" s="100" t="s">
        <v>79</v>
      </c>
      <c r="Q50" s="99">
        <v>9.7200000000000006</v>
      </c>
    </row>
    <row r="51" spans="1:17" ht="19.5" customHeight="1" thickTop="1" thickBot="1" x14ac:dyDescent="0.2">
      <c r="A51" s="364" t="s">
        <v>95</v>
      </c>
      <c r="B51" s="365"/>
      <c r="C51" s="94">
        <v>336929</v>
      </c>
      <c r="D51" s="98"/>
      <c r="E51" s="95">
        <v>2.78</v>
      </c>
      <c r="F51" s="94">
        <v>343029</v>
      </c>
      <c r="G51" s="97"/>
      <c r="H51" s="95">
        <v>1.81</v>
      </c>
      <c r="I51" s="96">
        <v>351937</v>
      </c>
      <c r="J51" s="90"/>
      <c r="K51" s="95">
        <v>2.6</v>
      </c>
      <c r="L51" s="94">
        <v>339711</v>
      </c>
      <c r="M51" s="93"/>
      <c r="N51" s="92">
        <v>-3.47</v>
      </c>
      <c r="O51" s="91">
        <v>366193</v>
      </c>
      <c r="P51" s="90" t="s">
        <v>79</v>
      </c>
      <c r="Q51" s="89">
        <v>7.8</v>
      </c>
    </row>
    <row r="52" spans="1:17" x14ac:dyDescent="0.15">
      <c r="A52" s="334"/>
      <c r="B52" s="333"/>
      <c r="C52" s="333"/>
      <c r="D52" s="333"/>
      <c r="E52" s="333"/>
    </row>
  </sheetData>
  <mergeCells count="9">
    <mergeCell ref="A51:B51"/>
    <mergeCell ref="A3:B5"/>
    <mergeCell ref="O3:Q3"/>
    <mergeCell ref="A49:B49"/>
    <mergeCell ref="A50:B50"/>
    <mergeCell ref="C3:E3"/>
    <mergeCell ref="F3:H3"/>
    <mergeCell ref="I3:K3"/>
    <mergeCell ref="L3:N3"/>
  </mergeCells>
  <phoneticPr fontId="3"/>
  <printOptions horizontalCentered="1" gridLinesSet="0"/>
  <pageMargins left="0.59055118110236227" right="0.59055118110236227" top="0.59055118110236227" bottom="0.59055118110236227" header="0.27559055118110237" footer="0.27559055118110237"/>
  <pageSetup paperSize="9" scale="88" orientation="portrait" blackAndWhite="1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transitionEntry="1"/>
  <dimension ref="A1:Q52"/>
  <sheetViews>
    <sheetView zoomScaleNormal="100" zoomScaleSheetLayoutView="100" workbookViewId="0">
      <selection activeCell="L57" sqref="L57"/>
    </sheetView>
  </sheetViews>
  <sheetFormatPr defaultColWidth="9" defaultRowHeight="11.25" x14ac:dyDescent="0.15"/>
  <cols>
    <col min="1" max="1" width="3.625" style="150" customWidth="1"/>
    <col min="2" max="2" width="9.875" style="150" customWidth="1"/>
    <col min="3" max="3" width="8.125" style="150" customWidth="1"/>
    <col min="4" max="4" width="3.125" style="150" customWidth="1"/>
    <col min="5" max="5" width="6.125" style="150" customWidth="1"/>
    <col min="6" max="6" width="8.125" style="150" customWidth="1"/>
    <col min="7" max="7" width="3.125" style="150" customWidth="1"/>
    <col min="8" max="8" width="6.125" style="150" customWidth="1"/>
    <col min="9" max="9" width="8.125" style="150" customWidth="1"/>
    <col min="10" max="10" width="3.125" style="150" customWidth="1"/>
    <col min="11" max="11" width="6.125" style="150" customWidth="1"/>
    <col min="12" max="12" width="8.125" style="150" customWidth="1"/>
    <col min="13" max="13" width="3.125" style="150" customWidth="1"/>
    <col min="14" max="14" width="6.125" style="150" customWidth="1"/>
    <col min="15" max="15" width="8.125" style="150" customWidth="1"/>
    <col min="16" max="16" width="3.125" style="150" customWidth="1"/>
    <col min="17" max="17" width="6.125" style="150" customWidth="1"/>
    <col min="18" max="16384" width="9" style="150"/>
  </cols>
  <sheetData>
    <row r="1" spans="1:17" ht="16.5" customHeight="1" x14ac:dyDescent="0.15">
      <c r="A1" s="331" t="s">
        <v>121</v>
      </c>
      <c r="O1" s="159"/>
    </row>
    <row r="2" spans="1:17" ht="11.1" customHeight="1" thickBot="1" x14ac:dyDescent="0.2"/>
    <row r="3" spans="1:17" ht="15" customHeight="1" x14ac:dyDescent="0.15">
      <c r="A3" s="366" t="s">
        <v>57</v>
      </c>
      <c r="B3" s="367"/>
      <c r="C3" s="377" t="s">
        <v>118</v>
      </c>
      <c r="D3" s="378"/>
      <c r="E3" s="378"/>
      <c r="F3" s="377" t="s">
        <v>117</v>
      </c>
      <c r="G3" s="375"/>
      <c r="H3" s="375"/>
      <c r="I3" s="371" t="s">
        <v>116</v>
      </c>
      <c r="J3" s="375"/>
      <c r="K3" s="375"/>
      <c r="L3" s="371" t="s">
        <v>188</v>
      </c>
      <c r="M3" s="375"/>
      <c r="N3" s="375"/>
      <c r="O3" s="370" t="s">
        <v>189</v>
      </c>
      <c r="P3" s="375"/>
      <c r="Q3" s="376"/>
    </row>
    <row r="4" spans="1:17" ht="12.75" customHeight="1" x14ac:dyDescent="0.15">
      <c r="A4" s="368"/>
      <c r="B4" s="369"/>
      <c r="C4" s="147" t="s">
        <v>112</v>
      </c>
      <c r="D4" s="145" t="s">
        <v>111</v>
      </c>
      <c r="E4" s="147" t="s">
        <v>115</v>
      </c>
      <c r="F4" s="148" t="s">
        <v>112</v>
      </c>
      <c r="G4" s="145" t="s">
        <v>111</v>
      </c>
      <c r="H4" s="147" t="s">
        <v>114</v>
      </c>
      <c r="I4" s="148" t="s">
        <v>112</v>
      </c>
      <c r="J4" s="145" t="s">
        <v>111</v>
      </c>
      <c r="K4" s="148" t="s">
        <v>113</v>
      </c>
      <c r="L4" s="148" t="s">
        <v>112</v>
      </c>
      <c r="M4" s="145" t="s">
        <v>111</v>
      </c>
      <c r="N4" s="158" t="s">
        <v>110</v>
      </c>
      <c r="O4" s="148" t="s">
        <v>112</v>
      </c>
      <c r="P4" s="145" t="s">
        <v>111</v>
      </c>
      <c r="Q4" s="144" t="s">
        <v>190</v>
      </c>
    </row>
    <row r="5" spans="1:17" s="324" customFormat="1" ht="12.75" customHeight="1" x14ac:dyDescent="0.15">
      <c r="A5" s="368"/>
      <c r="B5" s="369"/>
      <c r="C5" s="142" t="s">
        <v>108</v>
      </c>
      <c r="D5" s="140" t="s">
        <v>107</v>
      </c>
      <c r="E5" s="142" t="s">
        <v>109</v>
      </c>
      <c r="F5" s="141" t="s">
        <v>108</v>
      </c>
      <c r="G5" s="140" t="s">
        <v>107</v>
      </c>
      <c r="H5" s="142" t="s">
        <v>109</v>
      </c>
      <c r="I5" s="141" t="s">
        <v>108</v>
      </c>
      <c r="J5" s="140" t="s">
        <v>107</v>
      </c>
      <c r="K5" s="141" t="s">
        <v>109</v>
      </c>
      <c r="L5" s="141" t="s">
        <v>108</v>
      </c>
      <c r="M5" s="140" t="s">
        <v>107</v>
      </c>
      <c r="N5" s="157" t="s">
        <v>109</v>
      </c>
      <c r="O5" s="141" t="s">
        <v>108</v>
      </c>
      <c r="P5" s="140" t="s">
        <v>107</v>
      </c>
      <c r="Q5" s="156" t="s">
        <v>109</v>
      </c>
    </row>
    <row r="6" spans="1:17" ht="19.5" customHeight="1" x14ac:dyDescent="0.15">
      <c r="A6" s="138">
        <v>1</v>
      </c>
      <c r="B6" s="122" t="s">
        <v>47</v>
      </c>
      <c r="C6" s="120">
        <v>350742</v>
      </c>
      <c r="D6" s="120">
        <v>19</v>
      </c>
      <c r="E6" s="121">
        <v>3.24</v>
      </c>
      <c r="F6" s="120">
        <v>357682</v>
      </c>
      <c r="G6" s="120">
        <v>18</v>
      </c>
      <c r="H6" s="121">
        <v>1.98</v>
      </c>
      <c r="I6" s="118">
        <v>367287</v>
      </c>
      <c r="J6" s="118">
        <v>16</v>
      </c>
      <c r="K6" s="119">
        <v>2.69</v>
      </c>
      <c r="L6" s="118">
        <v>356010</v>
      </c>
      <c r="M6" s="118">
        <v>16</v>
      </c>
      <c r="N6" s="119">
        <v>-3.07</v>
      </c>
      <c r="O6" s="118">
        <v>384139</v>
      </c>
      <c r="P6" s="118">
        <v>17</v>
      </c>
      <c r="Q6" s="117">
        <v>7.9</v>
      </c>
    </row>
    <row r="7" spans="1:17" ht="19.5" customHeight="1" x14ac:dyDescent="0.15">
      <c r="A7" s="123">
        <v>2</v>
      </c>
      <c r="B7" s="122" t="s">
        <v>46</v>
      </c>
      <c r="C7" s="120">
        <v>336579</v>
      </c>
      <c r="D7" s="120">
        <v>23</v>
      </c>
      <c r="E7" s="121">
        <v>3</v>
      </c>
      <c r="F7" s="120">
        <v>341417</v>
      </c>
      <c r="G7" s="120">
        <v>27</v>
      </c>
      <c r="H7" s="121">
        <v>1.44</v>
      </c>
      <c r="I7" s="118">
        <v>350257</v>
      </c>
      <c r="J7" s="118">
        <v>28</v>
      </c>
      <c r="K7" s="119">
        <v>2.59</v>
      </c>
      <c r="L7" s="118">
        <v>341074</v>
      </c>
      <c r="M7" s="118">
        <v>23</v>
      </c>
      <c r="N7" s="119">
        <v>-2.62</v>
      </c>
      <c r="O7" s="118">
        <v>371961</v>
      </c>
      <c r="P7" s="118">
        <v>21</v>
      </c>
      <c r="Q7" s="117">
        <v>9.06</v>
      </c>
    </row>
    <row r="8" spans="1:17" ht="19.5" customHeight="1" x14ac:dyDescent="0.15">
      <c r="A8" s="123">
        <v>3</v>
      </c>
      <c r="B8" s="122" t="s">
        <v>45</v>
      </c>
      <c r="C8" s="120">
        <v>378415</v>
      </c>
      <c r="D8" s="120">
        <v>6</v>
      </c>
      <c r="E8" s="121">
        <v>3.85</v>
      </c>
      <c r="F8" s="120">
        <v>387691</v>
      </c>
      <c r="G8" s="120">
        <v>5</v>
      </c>
      <c r="H8" s="121">
        <v>2.4500000000000002</v>
      </c>
      <c r="I8" s="118">
        <v>390704</v>
      </c>
      <c r="J8" s="118">
        <v>8</v>
      </c>
      <c r="K8" s="119">
        <v>0.78</v>
      </c>
      <c r="L8" s="118">
        <v>375920</v>
      </c>
      <c r="M8" s="118">
        <v>8</v>
      </c>
      <c r="N8" s="119">
        <v>-3.78</v>
      </c>
      <c r="O8" s="118">
        <v>401041</v>
      </c>
      <c r="P8" s="118">
        <v>9</v>
      </c>
      <c r="Q8" s="117">
        <v>6.68</v>
      </c>
    </row>
    <row r="9" spans="1:17" ht="19.5" customHeight="1" x14ac:dyDescent="0.15">
      <c r="A9" s="123">
        <v>4</v>
      </c>
      <c r="B9" s="122" t="s">
        <v>44</v>
      </c>
      <c r="C9" s="120">
        <v>351511</v>
      </c>
      <c r="D9" s="120">
        <v>17</v>
      </c>
      <c r="E9" s="121">
        <v>4.04</v>
      </c>
      <c r="F9" s="120">
        <v>359434</v>
      </c>
      <c r="G9" s="120">
        <v>17</v>
      </c>
      <c r="H9" s="121">
        <v>2.25</v>
      </c>
      <c r="I9" s="118">
        <v>364385</v>
      </c>
      <c r="J9" s="118">
        <v>18</v>
      </c>
      <c r="K9" s="119">
        <v>1.38</v>
      </c>
      <c r="L9" s="118">
        <v>352741</v>
      </c>
      <c r="M9" s="118">
        <v>19</v>
      </c>
      <c r="N9" s="119">
        <v>-3.2</v>
      </c>
      <c r="O9" s="118">
        <v>386967</v>
      </c>
      <c r="P9" s="118">
        <v>14</v>
      </c>
      <c r="Q9" s="117">
        <v>9.6999999999999993</v>
      </c>
    </row>
    <row r="10" spans="1:17" ht="19.5" customHeight="1" x14ac:dyDescent="0.15">
      <c r="A10" s="123">
        <v>5</v>
      </c>
      <c r="B10" s="122" t="s">
        <v>43</v>
      </c>
      <c r="C10" s="120">
        <v>341233</v>
      </c>
      <c r="D10" s="120">
        <v>22</v>
      </c>
      <c r="E10" s="121">
        <v>2.0699999999999998</v>
      </c>
      <c r="F10" s="120">
        <v>344610</v>
      </c>
      <c r="G10" s="120">
        <v>23</v>
      </c>
      <c r="H10" s="121">
        <v>0.99</v>
      </c>
      <c r="I10" s="118">
        <v>354867</v>
      </c>
      <c r="J10" s="118">
        <v>23</v>
      </c>
      <c r="K10" s="119">
        <v>2.98</v>
      </c>
      <c r="L10" s="118">
        <v>338026</v>
      </c>
      <c r="M10" s="118">
        <v>28</v>
      </c>
      <c r="N10" s="119">
        <v>-4.75</v>
      </c>
      <c r="O10" s="118">
        <v>360585</v>
      </c>
      <c r="P10" s="118">
        <v>27</v>
      </c>
      <c r="Q10" s="117">
        <v>6.67</v>
      </c>
    </row>
    <row r="11" spans="1:17" ht="19.5" customHeight="1" x14ac:dyDescent="0.15">
      <c r="A11" s="123">
        <v>6</v>
      </c>
      <c r="B11" s="122" t="s">
        <v>42</v>
      </c>
      <c r="C11" s="120">
        <v>329757</v>
      </c>
      <c r="D11" s="120">
        <v>29</v>
      </c>
      <c r="E11" s="121">
        <v>2.2999999999999998</v>
      </c>
      <c r="F11" s="120">
        <v>340568</v>
      </c>
      <c r="G11" s="120">
        <v>28</v>
      </c>
      <c r="H11" s="121">
        <v>3.28</v>
      </c>
      <c r="I11" s="118">
        <v>351686</v>
      </c>
      <c r="J11" s="118">
        <v>26</v>
      </c>
      <c r="K11" s="119">
        <v>3.26</v>
      </c>
      <c r="L11" s="118">
        <v>334980</v>
      </c>
      <c r="M11" s="118">
        <v>29</v>
      </c>
      <c r="N11" s="119">
        <v>-4.75</v>
      </c>
      <c r="O11" s="118">
        <v>356149</v>
      </c>
      <c r="P11" s="118">
        <v>30</v>
      </c>
      <c r="Q11" s="117">
        <v>6.32</v>
      </c>
    </row>
    <row r="12" spans="1:17" ht="19.5" customHeight="1" x14ac:dyDescent="0.15">
      <c r="A12" s="123">
        <v>7</v>
      </c>
      <c r="B12" s="122" t="s">
        <v>41</v>
      </c>
      <c r="C12" s="120">
        <v>372998</v>
      </c>
      <c r="D12" s="120">
        <v>9</v>
      </c>
      <c r="E12" s="121">
        <v>4.7699999999999996</v>
      </c>
      <c r="F12" s="120">
        <v>385528</v>
      </c>
      <c r="G12" s="120">
        <v>6</v>
      </c>
      <c r="H12" s="121">
        <v>3.36</v>
      </c>
      <c r="I12" s="118">
        <v>400743</v>
      </c>
      <c r="J12" s="118">
        <v>5</v>
      </c>
      <c r="K12" s="119">
        <v>3.95</v>
      </c>
      <c r="L12" s="118">
        <v>385066</v>
      </c>
      <c r="M12" s="118">
        <v>4</v>
      </c>
      <c r="N12" s="119">
        <v>-3.91</v>
      </c>
      <c r="O12" s="118">
        <v>412051</v>
      </c>
      <c r="P12" s="118">
        <v>6</v>
      </c>
      <c r="Q12" s="117">
        <v>7.01</v>
      </c>
    </row>
    <row r="13" spans="1:17" ht="19.5" customHeight="1" x14ac:dyDescent="0.15">
      <c r="A13" s="123">
        <v>8</v>
      </c>
      <c r="B13" s="122" t="s">
        <v>40</v>
      </c>
      <c r="C13" s="120">
        <v>332885</v>
      </c>
      <c r="D13" s="120">
        <v>26</v>
      </c>
      <c r="E13" s="121">
        <v>3.26</v>
      </c>
      <c r="F13" s="120">
        <v>336500</v>
      </c>
      <c r="G13" s="120">
        <v>29</v>
      </c>
      <c r="H13" s="121">
        <v>1.0900000000000001</v>
      </c>
      <c r="I13" s="118">
        <v>350746</v>
      </c>
      <c r="J13" s="118">
        <v>27</v>
      </c>
      <c r="K13" s="119">
        <v>4.2300000000000004</v>
      </c>
      <c r="L13" s="118">
        <v>338202</v>
      </c>
      <c r="M13" s="118">
        <v>27</v>
      </c>
      <c r="N13" s="119">
        <v>-3.58</v>
      </c>
      <c r="O13" s="118">
        <v>360370</v>
      </c>
      <c r="P13" s="118">
        <v>28</v>
      </c>
      <c r="Q13" s="117">
        <v>6.55</v>
      </c>
    </row>
    <row r="14" spans="1:17" ht="19.5" customHeight="1" x14ac:dyDescent="0.15">
      <c r="A14" s="123">
        <v>9</v>
      </c>
      <c r="B14" s="122" t="s">
        <v>39</v>
      </c>
      <c r="C14" s="120">
        <v>366843</v>
      </c>
      <c r="D14" s="120">
        <v>11</v>
      </c>
      <c r="E14" s="121">
        <v>3.71</v>
      </c>
      <c r="F14" s="120">
        <v>362587</v>
      </c>
      <c r="G14" s="120">
        <v>11</v>
      </c>
      <c r="H14" s="121">
        <v>-1.1599999999999999</v>
      </c>
      <c r="I14" s="118">
        <v>377351</v>
      </c>
      <c r="J14" s="118">
        <v>12</v>
      </c>
      <c r="K14" s="119">
        <v>4.07</v>
      </c>
      <c r="L14" s="118">
        <v>361233</v>
      </c>
      <c r="M14" s="118">
        <v>14</v>
      </c>
      <c r="N14" s="119">
        <v>-4.2699999999999996</v>
      </c>
      <c r="O14" s="118">
        <v>398776</v>
      </c>
      <c r="P14" s="118">
        <v>10</v>
      </c>
      <c r="Q14" s="117">
        <v>10.39</v>
      </c>
    </row>
    <row r="15" spans="1:17" ht="19.5" customHeight="1" x14ac:dyDescent="0.15">
      <c r="A15" s="123">
        <v>10</v>
      </c>
      <c r="B15" s="122" t="s">
        <v>38</v>
      </c>
      <c r="C15" s="120">
        <v>331897</v>
      </c>
      <c r="D15" s="120">
        <v>27</v>
      </c>
      <c r="E15" s="121">
        <v>2.66</v>
      </c>
      <c r="F15" s="120">
        <v>341850</v>
      </c>
      <c r="G15" s="120">
        <v>25</v>
      </c>
      <c r="H15" s="121">
        <v>3</v>
      </c>
      <c r="I15" s="118">
        <v>352717</v>
      </c>
      <c r="J15" s="118">
        <v>24</v>
      </c>
      <c r="K15" s="119">
        <v>3.18</v>
      </c>
      <c r="L15" s="118">
        <v>341825</v>
      </c>
      <c r="M15" s="118">
        <v>22</v>
      </c>
      <c r="N15" s="119">
        <v>-3.09</v>
      </c>
      <c r="O15" s="118">
        <v>367231</v>
      </c>
      <c r="P15" s="118">
        <v>24</v>
      </c>
      <c r="Q15" s="117">
        <v>7.43</v>
      </c>
    </row>
    <row r="16" spans="1:17" ht="19.5" customHeight="1" x14ac:dyDescent="0.15">
      <c r="A16" s="123">
        <v>11</v>
      </c>
      <c r="B16" s="122" t="s">
        <v>37</v>
      </c>
      <c r="C16" s="120">
        <v>355563</v>
      </c>
      <c r="D16" s="120">
        <v>15</v>
      </c>
      <c r="E16" s="121">
        <v>4.54</v>
      </c>
      <c r="F16" s="120">
        <v>360101</v>
      </c>
      <c r="G16" s="120">
        <v>14</v>
      </c>
      <c r="H16" s="121">
        <v>1.28</v>
      </c>
      <c r="I16" s="118">
        <v>371744</v>
      </c>
      <c r="J16" s="118">
        <v>14</v>
      </c>
      <c r="K16" s="119">
        <v>3.23</v>
      </c>
      <c r="L16" s="118">
        <v>366463</v>
      </c>
      <c r="M16" s="118">
        <v>13</v>
      </c>
      <c r="N16" s="119">
        <v>-1.42</v>
      </c>
      <c r="O16" s="118">
        <v>376984</v>
      </c>
      <c r="P16" s="118">
        <v>18</v>
      </c>
      <c r="Q16" s="117">
        <v>2.87</v>
      </c>
    </row>
    <row r="17" spans="1:17" ht="19.5" customHeight="1" x14ac:dyDescent="0.15">
      <c r="A17" s="123">
        <v>12</v>
      </c>
      <c r="B17" s="122" t="s">
        <v>36</v>
      </c>
      <c r="C17" s="120">
        <v>343811</v>
      </c>
      <c r="D17" s="120">
        <v>21</v>
      </c>
      <c r="E17" s="121">
        <v>3.02</v>
      </c>
      <c r="F17" s="120">
        <v>350336</v>
      </c>
      <c r="G17" s="120">
        <v>21</v>
      </c>
      <c r="H17" s="121">
        <v>1.9</v>
      </c>
      <c r="I17" s="118">
        <v>362478</v>
      </c>
      <c r="J17" s="118">
        <v>20</v>
      </c>
      <c r="K17" s="119">
        <v>3.47</v>
      </c>
      <c r="L17" s="118">
        <v>348831</v>
      </c>
      <c r="M17" s="118">
        <v>20</v>
      </c>
      <c r="N17" s="119">
        <v>-3.76</v>
      </c>
      <c r="O17" s="118">
        <v>375617</v>
      </c>
      <c r="P17" s="118">
        <v>19</v>
      </c>
      <c r="Q17" s="117">
        <v>7.68</v>
      </c>
    </row>
    <row r="18" spans="1:17" ht="19.5" customHeight="1" x14ac:dyDescent="0.15">
      <c r="A18" s="123">
        <v>13</v>
      </c>
      <c r="B18" s="122" t="s">
        <v>35</v>
      </c>
      <c r="C18" s="120">
        <v>331181</v>
      </c>
      <c r="D18" s="120">
        <v>28</v>
      </c>
      <c r="E18" s="121">
        <v>0.69</v>
      </c>
      <c r="F18" s="120">
        <v>341548</v>
      </c>
      <c r="G18" s="120">
        <v>26</v>
      </c>
      <c r="H18" s="121">
        <v>3.13</v>
      </c>
      <c r="I18" s="118">
        <v>351865</v>
      </c>
      <c r="J18" s="118">
        <v>25</v>
      </c>
      <c r="K18" s="119">
        <v>3.02</v>
      </c>
      <c r="L18" s="118">
        <v>338548</v>
      </c>
      <c r="M18" s="118">
        <v>25</v>
      </c>
      <c r="N18" s="119">
        <v>-3.78</v>
      </c>
      <c r="O18" s="118">
        <v>363292</v>
      </c>
      <c r="P18" s="118">
        <v>26</v>
      </c>
      <c r="Q18" s="117">
        <v>7.31</v>
      </c>
    </row>
    <row r="19" spans="1:17" ht="19.5" customHeight="1" x14ac:dyDescent="0.15">
      <c r="A19" s="123">
        <v>14</v>
      </c>
      <c r="B19" s="122" t="s">
        <v>34</v>
      </c>
      <c r="C19" s="120">
        <v>324718</v>
      </c>
      <c r="D19" s="120">
        <v>31</v>
      </c>
      <c r="E19" s="121">
        <v>1.43</v>
      </c>
      <c r="F19" s="120">
        <v>332223</v>
      </c>
      <c r="G19" s="120">
        <v>31</v>
      </c>
      <c r="H19" s="121">
        <v>2.31</v>
      </c>
      <c r="I19" s="118">
        <v>342699</v>
      </c>
      <c r="J19" s="118">
        <v>31</v>
      </c>
      <c r="K19" s="119">
        <v>3.15</v>
      </c>
      <c r="L19" s="118">
        <v>333279</v>
      </c>
      <c r="M19" s="118">
        <v>30</v>
      </c>
      <c r="N19" s="119">
        <v>-2.75</v>
      </c>
      <c r="O19" s="118">
        <v>354484</v>
      </c>
      <c r="P19" s="118">
        <v>31</v>
      </c>
      <c r="Q19" s="117">
        <v>6.36</v>
      </c>
    </row>
    <row r="20" spans="1:17" ht="19.5" customHeight="1" x14ac:dyDescent="0.15">
      <c r="A20" s="123">
        <v>15</v>
      </c>
      <c r="B20" s="122" t="s">
        <v>33</v>
      </c>
      <c r="C20" s="120">
        <v>353027</v>
      </c>
      <c r="D20" s="120">
        <v>16</v>
      </c>
      <c r="E20" s="121">
        <v>2.06</v>
      </c>
      <c r="F20" s="120">
        <v>366687</v>
      </c>
      <c r="G20" s="120">
        <v>10</v>
      </c>
      <c r="H20" s="121">
        <v>3.87</v>
      </c>
      <c r="I20" s="118">
        <v>372100</v>
      </c>
      <c r="J20" s="118">
        <v>13</v>
      </c>
      <c r="K20" s="119">
        <v>1.48</v>
      </c>
      <c r="L20" s="118">
        <v>371843</v>
      </c>
      <c r="M20" s="118">
        <v>11</v>
      </c>
      <c r="N20" s="119">
        <v>-7.0000000000000007E-2</v>
      </c>
      <c r="O20" s="118">
        <v>398560</v>
      </c>
      <c r="P20" s="118">
        <v>11</v>
      </c>
      <c r="Q20" s="117">
        <v>7.19</v>
      </c>
    </row>
    <row r="21" spans="1:17" ht="19.5" customHeight="1" x14ac:dyDescent="0.15">
      <c r="A21" s="123">
        <v>16</v>
      </c>
      <c r="B21" s="122" t="s">
        <v>32</v>
      </c>
      <c r="C21" s="120">
        <v>334936</v>
      </c>
      <c r="D21" s="120">
        <v>25</v>
      </c>
      <c r="E21" s="121">
        <v>6.35</v>
      </c>
      <c r="F21" s="120">
        <v>334550</v>
      </c>
      <c r="G21" s="120">
        <v>30</v>
      </c>
      <c r="H21" s="121">
        <v>-0.12</v>
      </c>
      <c r="I21" s="118">
        <v>349561</v>
      </c>
      <c r="J21" s="118">
        <v>29</v>
      </c>
      <c r="K21" s="119">
        <v>4.49</v>
      </c>
      <c r="L21" s="118">
        <v>338473</v>
      </c>
      <c r="M21" s="118">
        <v>26</v>
      </c>
      <c r="N21" s="119">
        <v>-3.17</v>
      </c>
      <c r="O21" s="118">
        <v>358724</v>
      </c>
      <c r="P21" s="118">
        <v>29</v>
      </c>
      <c r="Q21" s="117">
        <v>5.98</v>
      </c>
    </row>
    <row r="22" spans="1:17" ht="19.5" customHeight="1" x14ac:dyDescent="0.15">
      <c r="A22" s="123">
        <v>17</v>
      </c>
      <c r="B22" s="122" t="s">
        <v>31</v>
      </c>
      <c r="C22" s="120">
        <v>329371</v>
      </c>
      <c r="D22" s="120">
        <v>30</v>
      </c>
      <c r="E22" s="121">
        <v>3.58</v>
      </c>
      <c r="F22" s="120">
        <v>341917</v>
      </c>
      <c r="G22" s="120">
        <v>24</v>
      </c>
      <c r="H22" s="121">
        <v>3.81</v>
      </c>
      <c r="I22" s="118">
        <v>348467</v>
      </c>
      <c r="J22" s="118">
        <v>30</v>
      </c>
      <c r="K22" s="119">
        <v>1.92</v>
      </c>
      <c r="L22" s="118">
        <v>333216</v>
      </c>
      <c r="M22" s="118">
        <v>31</v>
      </c>
      <c r="N22" s="119">
        <v>-4.38</v>
      </c>
      <c r="O22" s="118">
        <v>371030</v>
      </c>
      <c r="P22" s="118">
        <v>22</v>
      </c>
      <c r="Q22" s="117">
        <v>11.35</v>
      </c>
    </row>
    <row r="23" spans="1:17" ht="19.5" customHeight="1" x14ac:dyDescent="0.15">
      <c r="A23" s="123">
        <v>18</v>
      </c>
      <c r="B23" s="122" t="s">
        <v>30</v>
      </c>
      <c r="C23" s="120">
        <v>382118</v>
      </c>
      <c r="D23" s="120">
        <v>5</v>
      </c>
      <c r="E23" s="121">
        <v>6.8</v>
      </c>
      <c r="F23" s="120">
        <v>367893</v>
      </c>
      <c r="G23" s="120">
        <v>9</v>
      </c>
      <c r="H23" s="121">
        <v>-3.72</v>
      </c>
      <c r="I23" s="118">
        <v>395852</v>
      </c>
      <c r="J23" s="118">
        <v>7</v>
      </c>
      <c r="K23" s="119">
        <v>7.6</v>
      </c>
      <c r="L23" s="118">
        <v>368566</v>
      </c>
      <c r="M23" s="118">
        <v>12</v>
      </c>
      <c r="N23" s="119">
        <v>-6.89</v>
      </c>
      <c r="O23" s="118">
        <v>403651</v>
      </c>
      <c r="P23" s="118">
        <v>8</v>
      </c>
      <c r="Q23" s="117">
        <v>9.52</v>
      </c>
    </row>
    <row r="24" spans="1:17" ht="19.5" customHeight="1" x14ac:dyDescent="0.15">
      <c r="A24" s="123">
        <v>19</v>
      </c>
      <c r="B24" s="122" t="s">
        <v>29</v>
      </c>
      <c r="C24" s="120">
        <v>314402</v>
      </c>
      <c r="D24" s="120">
        <v>32</v>
      </c>
      <c r="E24" s="121">
        <v>3.55</v>
      </c>
      <c r="F24" s="120">
        <v>310547</v>
      </c>
      <c r="G24" s="120">
        <v>33</v>
      </c>
      <c r="H24" s="121">
        <v>-1.23</v>
      </c>
      <c r="I24" s="118">
        <v>329019</v>
      </c>
      <c r="J24" s="118">
        <v>33</v>
      </c>
      <c r="K24" s="119">
        <v>5.95</v>
      </c>
      <c r="L24" s="118">
        <v>315780</v>
      </c>
      <c r="M24" s="118">
        <v>32</v>
      </c>
      <c r="N24" s="119">
        <v>-4.0199999999999996</v>
      </c>
      <c r="O24" s="118">
        <v>347335</v>
      </c>
      <c r="P24" s="118">
        <v>32</v>
      </c>
      <c r="Q24" s="117">
        <v>9.99</v>
      </c>
    </row>
    <row r="25" spans="1:17" ht="19.5" customHeight="1" x14ac:dyDescent="0.15">
      <c r="A25" s="123">
        <v>20</v>
      </c>
      <c r="B25" s="122" t="s">
        <v>28</v>
      </c>
      <c r="C25" s="120">
        <v>360456</v>
      </c>
      <c r="D25" s="120">
        <v>13</v>
      </c>
      <c r="E25" s="121">
        <v>5.07</v>
      </c>
      <c r="F25" s="120">
        <v>357606</v>
      </c>
      <c r="G25" s="120">
        <v>19</v>
      </c>
      <c r="H25" s="121">
        <v>-0.79</v>
      </c>
      <c r="I25" s="118">
        <v>357045</v>
      </c>
      <c r="J25" s="118">
        <v>21</v>
      </c>
      <c r="K25" s="119">
        <v>-0.16</v>
      </c>
      <c r="L25" s="118">
        <v>355177</v>
      </c>
      <c r="M25" s="118">
        <v>18</v>
      </c>
      <c r="N25" s="119">
        <v>-0.52</v>
      </c>
      <c r="O25" s="118">
        <v>368867</v>
      </c>
      <c r="P25" s="118">
        <v>23</v>
      </c>
      <c r="Q25" s="117">
        <v>3.85</v>
      </c>
    </row>
    <row r="26" spans="1:17" ht="19.5" customHeight="1" x14ac:dyDescent="0.15">
      <c r="A26" s="123">
        <v>21</v>
      </c>
      <c r="B26" s="122" t="s">
        <v>27</v>
      </c>
      <c r="C26" s="120">
        <v>335926</v>
      </c>
      <c r="D26" s="120">
        <v>24</v>
      </c>
      <c r="E26" s="121">
        <v>5.69</v>
      </c>
      <c r="F26" s="120">
        <v>345090</v>
      </c>
      <c r="G26" s="120">
        <v>22</v>
      </c>
      <c r="H26" s="121">
        <v>2.73</v>
      </c>
      <c r="I26" s="118">
        <v>355184</v>
      </c>
      <c r="J26" s="118">
        <v>22</v>
      </c>
      <c r="K26" s="119">
        <v>2.93</v>
      </c>
      <c r="L26" s="118">
        <v>340549</v>
      </c>
      <c r="M26" s="118">
        <v>24</v>
      </c>
      <c r="N26" s="119">
        <v>-4.12</v>
      </c>
      <c r="O26" s="118">
        <v>366889</v>
      </c>
      <c r="P26" s="118">
        <v>25</v>
      </c>
      <c r="Q26" s="117">
        <v>7.73</v>
      </c>
    </row>
    <row r="27" spans="1:17" ht="19.5" customHeight="1" x14ac:dyDescent="0.15">
      <c r="A27" s="123">
        <v>22</v>
      </c>
      <c r="B27" s="122" t="s">
        <v>26</v>
      </c>
      <c r="C27" s="120">
        <v>355634</v>
      </c>
      <c r="D27" s="120">
        <v>14</v>
      </c>
      <c r="E27" s="121">
        <v>2.59</v>
      </c>
      <c r="F27" s="120">
        <v>376425</v>
      </c>
      <c r="G27" s="120">
        <v>7</v>
      </c>
      <c r="H27" s="121">
        <v>5.85</v>
      </c>
      <c r="I27" s="118">
        <v>381723</v>
      </c>
      <c r="J27" s="118">
        <v>9</v>
      </c>
      <c r="K27" s="119">
        <v>1.41</v>
      </c>
      <c r="L27" s="118">
        <v>375550</v>
      </c>
      <c r="M27" s="118">
        <v>10</v>
      </c>
      <c r="N27" s="119">
        <v>-1.62</v>
      </c>
      <c r="O27" s="118">
        <v>385683</v>
      </c>
      <c r="P27" s="118">
        <v>15</v>
      </c>
      <c r="Q27" s="117">
        <v>2.7</v>
      </c>
    </row>
    <row r="28" spans="1:17" ht="19.5" customHeight="1" x14ac:dyDescent="0.15">
      <c r="A28" s="123">
        <v>23</v>
      </c>
      <c r="B28" s="122" t="s">
        <v>25</v>
      </c>
      <c r="C28" s="120">
        <v>376282</v>
      </c>
      <c r="D28" s="120">
        <v>7</v>
      </c>
      <c r="E28" s="121">
        <v>4.5599999999999996</v>
      </c>
      <c r="F28" s="120">
        <v>359710</v>
      </c>
      <c r="G28" s="120">
        <v>15</v>
      </c>
      <c r="H28" s="121">
        <v>-4.4000000000000004</v>
      </c>
      <c r="I28" s="118">
        <v>370452</v>
      </c>
      <c r="J28" s="118">
        <v>15</v>
      </c>
      <c r="K28" s="119">
        <v>2.99</v>
      </c>
      <c r="L28" s="118">
        <v>345228</v>
      </c>
      <c r="M28" s="118">
        <v>21</v>
      </c>
      <c r="N28" s="119">
        <v>-6.81</v>
      </c>
      <c r="O28" s="118">
        <v>374917</v>
      </c>
      <c r="P28" s="118">
        <v>20</v>
      </c>
      <c r="Q28" s="117">
        <v>8.6</v>
      </c>
    </row>
    <row r="29" spans="1:17" ht="19.5" customHeight="1" x14ac:dyDescent="0.15">
      <c r="A29" s="123">
        <v>24</v>
      </c>
      <c r="B29" s="122" t="s">
        <v>24</v>
      </c>
      <c r="C29" s="120">
        <v>382804</v>
      </c>
      <c r="D29" s="120">
        <v>4</v>
      </c>
      <c r="E29" s="121">
        <v>10.95</v>
      </c>
      <c r="F29" s="120">
        <v>360347</v>
      </c>
      <c r="G29" s="120">
        <v>13</v>
      </c>
      <c r="H29" s="121">
        <v>-5.87</v>
      </c>
      <c r="I29" s="118">
        <v>399533</v>
      </c>
      <c r="J29" s="118">
        <v>6</v>
      </c>
      <c r="K29" s="119">
        <v>10.87</v>
      </c>
      <c r="L29" s="118">
        <v>378170</v>
      </c>
      <c r="M29" s="118">
        <v>7</v>
      </c>
      <c r="N29" s="119">
        <v>-5.35</v>
      </c>
      <c r="O29" s="118">
        <v>408137</v>
      </c>
      <c r="P29" s="118">
        <v>7</v>
      </c>
      <c r="Q29" s="117">
        <v>7.92</v>
      </c>
    </row>
    <row r="30" spans="1:17" ht="19.5" customHeight="1" x14ac:dyDescent="0.15">
      <c r="A30" s="123">
        <v>25</v>
      </c>
      <c r="B30" s="122" t="s">
        <v>23</v>
      </c>
      <c r="C30" s="120">
        <v>306454</v>
      </c>
      <c r="D30" s="120">
        <v>33</v>
      </c>
      <c r="E30" s="121">
        <v>3.8</v>
      </c>
      <c r="F30" s="120">
        <v>315170</v>
      </c>
      <c r="G30" s="120">
        <v>32</v>
      </c>
      <c r="H30" s="121">
        <v>2.84</v>
      </c>
      <c r="I30" s="118">
        <v>333819</v>
      </c>
      <c r="J30" s="118">
        <v>32</v>
      </c>
      <c r="K30" s="119">
        <v>5.92</v>
      </c>
      <c r="L30" s="118">
        <v>300854</v>
      </c>
      <c r="M30" s="118">
        <v>33</v>
      </c>
      <c r="N30" s="119">
        <v>-9.8800000000000008</v>
      </c>
      <c r="O30" s="118">
        <v>316857</v>
      </c>
      <c r="P30" s="118">
        <v>33</v>
      </c>
      <c r="Q30" s="117">
        <v>5.32</v>
      </c>
    </row>
    <row r="31" spans="1:17" ht="19.5" customHeight="1" x14ac:dyDescent="0.15">
      <c r="A31" s="123">
        <v>26</v>
      </c>
      <c r="B31" s="122" t="s">
        <v>22</v>
      </c>
      <c r="C31" s="120">
        <v>406850</v>
      </c>
      <c r="D31" s="120">
        <v>2</v>
      </c>
      <c r="E31" s="121">
        <v>4.46</v>
      </c>
      <c r="F31" s="120">
        <v>422534</v>
      </c>
      <c r="G31" s="120">
        <v>3</v>
      </c>
      <c r="H31" s="121">
        <v>3.85</v>
      </c>
      <c r="I31" s="118">
        <v>405542</v>
      </c>
      <c r="J31" s="118">
        <v>4</v>
      </c>
      <c r="K31" s="119">
        <v>-4.0199999999999996</v>
      </c>
      <c r="L31" s="118">
        <v>379868</v>
      </c>
      <c r="M31" s="118">
        <v>6</v>
      </c>
      <c r="N31" s="119">
        <v>-6.33</v>
      </c>
      <c r="O31" s="118">
        <v>397804</v>
      </c>
      <c r="P31" s="118">
        <v>12</v>
      </c>
      <c r="Q31" s="117">
        <v>4.72</v>
      </c>
    </row>
    <row r="32" spans="1:17" ht="19.5" customHeight="1" x14ac:dyDescent="0.15">
      <c r="A32" s="123">
        <v>27</v>
      </c>
      <c r="B32" s="122" t="s">
        <v>21</v>
      </c>
      <c r="C32" s="120">
        <v>407901</v>
      </c>
      <c r="D32" s="120">
        <v>1</v>
      </c>
      <c r="E32" s="121">
        <v>-2.89</v>
      </c>
      <c r="F32" s="120">
        <v>443302</v>
      </c>
      <c r="G32" s="120">
        <v>1</v>
      </c>
      <c r="H32" s="121">
        <v>8.68</v>
      </c>
      <c r="I32" s="118">
        <v>452935</v>
      </c>
      <c r="J32" s="118">
        <v>1</v>
      </c>
      <c r="K32" s="119">
        <v>2.17</v>
      </c>
      <c r="L32" s="118">
        <v>440405</v>
      </c>
      <c r="M32" s="118">
        <v>1</v>
      </c>
      <c r="N32" s="119">
        <v>-2.77</v>
      </c>
      <c r="O32" s="118">
        <v>425696</v>
      </c>
      <c r="P32" s="118">
        <v>2</v>
      </c>
      <c r="Q32" s="117">
        <v>-3.34</v>
      </c>
    </row>
    <row r="33" spans="1:17" ht="19.5" customHeight="1" x14ac:dyDescent="0.15">
      <c r="A33" s="123">
        <v>28</v>
      </c>
      <c r="B33" s="122" t="s">
        <v>20</v>
      </c>
      <c r="C33" s="120">
        <v>399533</v>
      </c>
      <c r="D33" s="120">
        <v>3</v>
      </c>
      <c r="E33" s="121">
        <v>4.41</v>
      </c>
      <c r="F33" s="120">
        <v>392364</v>
      </c>
      <c r="G33" s="120">
        <v>4</v>
      </c>
      <c r="H33" s="121">
        <v>-1.79</v>
      </c>
      <c r="I33" s="118">
        <v>408134</v>
      </c>
      <c r="J33" s="118">
        <v>3</v>
      </c>
      <c r="K33" s="119">
        <v>4.0199999999999996</v>
      </c>
      <c r="L33" s="118">
        <v>382353</v>
      </c>
      <c r="M33" s="118">
        <v>5</v>
      </c>
      <c r="N33" s="119">
        <v>-6.32</v>
      </c>
      <c r="O33" s="118">
        <v>424958</v>
      </c>
      <c r="P33" s="118">
        <v>3</v>
      </c>
      <c r="Q33" s="117">
        <v>11.14</v>
      </c>
    </row>
    <row r="34" spans="1:17" ht="19.5" customHeight="1" x14ac:dyDescent="0.15">
      <c r="A34" s="123">
        <v>29</v>
      </c>
      <c r="B34" s="122" t="s">
        <v>19</v>
      </c>
      <c r="C34" s="120">
        <v>365536</v>
      </c>
      <c r="D34" s="120">
        <v>12</v>
      </c>
      <c r="E34" s="121">
        <v>3.77</v>
      </c>
      <c r="F34" s="120">
        <v>359530</v>
      </c>
      <c r="G34" s="120">
        <v>16</v>
      </c>
      <c r="H34" s="121">
        <v>-1.64</v>
      </c>
      <c r="I34" s="118">
        <v>366367</v>
      </c>
      <c r="J34" s="118">
        <v>17</v>
      </c>
      <c r="K34" s="119">
        <v>1.9</v>
      </c>
      <c r="L34" s="118">
        <v>375692</v>
      </c>
      <c r="M34" s="118">
        <v>9</v>
      </c>
      <c r="N34" s="119">
        <v>2.5499999999999998</v>
      </c>
      <c r="O34" s="118">
        <v>418327</v>
      </c>
      <c r="P34" s="118">
        <v>5</v>
      </c>
      <c r="Q34" s="117">
        <v>11.35</v>
      </c>
    </row>
    <row r="35" spans="1:17" ht="19.5" customHeight="1" x14ac:dyDescent="0.15">
      <c r="A35" s="123">
        <v>30</v>
      </c>
      <c r="B35" s="122" t="s">
        <v>18</v>
      </c>
      <c r="C35" s="120">
        <v>375169</v>
      </c>
      <c r="D35" s="120">
        <v>8</v>
      </c>
      <c r="E35" s="121">
        <v>-3.43</v>
      </c>
      <c r="F35" s="120">
        <v>425027</v>
      </c>
      <c r="G35" s="120">
        <v>2</v>
      </c>
      <c r="H35" s="121">
        <v>13.29</v>
      </c>
      <c r="I35" s="118">
        <v>422771</v>
      </c>
      <c r="J35" s="118">
        <v>2</v>
      </c>
      <c r="K35" s="119">
        <v>-0.53</v>
      </c>
      <c r="L35" s="118">
        <v>389239</v>
      </c>
      <c r="M35" s="118">
        <v>2</v>
      </c>
      <c r="N35" s="119">
        <v>-7.93</v>
      </c>
      <c r="O35" s="118">
        <v>427532</v>
      </c>
      <c r="P35" s="118">
        <v>1</v>
      </c>
      <c r="Q35" s="117">
        <v>9.84</v>
      </c>
    </row>
    <row r="36" spans="1:17" ht="19.5" customHeight="1" x14ac:dyDescent="0.15">
      <c r="A36" s="123">
        <v>31</v>
      </c>
      <c r="B36" s="122" t="s">
        <v>17</v>
      </c>
      <c r="C36" s="120">
        <v>366982</v>
      </c>
      <c r="D36" s="120">
        <v>10</v>
      </c>
      <c r="E36" s="121">
        <v>4.28</v>
      </c>
      <c r="F36" s="120">
        <v>355354</v>
      </c>
      <c r="G36" s="120">
        <v>20</v>
      </c>
      <c r="H36" s="121">
        <v>-3.17</v>
      </c>
      <c r="I36" s="118">
        <v>380440</v>
      </c>
      <c r="J36" s="118">
        <v>10</v>
      </c>
      <c r="K36" s="119">
        <v>7.06</v>
      </c>
      <c r="L36" s="118">
        <v>355820</v>
      </c>
      <c r="M36" s="118">
        <v>17</v>
      </c>
      <c r="N36" s="119">
        <v>-6.47</v>
      </c>
      <c r="O36" s="118">
        <v>384886</v>
      </c>
      <c r="P36" s="118">
        <v>16</v>
      </c>
      <c r="Q36" s="117">
        <v>8.17</v>
      </c>
    </row>
    <row r="37" spans="1:17" ht="19.5" customHeight="1" x14ac:dyDescent="0.15">
      <c r="A37" s="123">
        <v>32</v>
      </c>
      <c r="B37" s="122" t="s">
        <v>16</v>
      </c>
      <c r="C37" s="120">
        <v>344821</v>
      </c>
      <c r="D37" s="120">
        <v>20</v>
      </c>
      <c r="E37" s="121">
        <v>0.66</v>
      </c>
      <c r="F37" s="120">
        <v>361014</v>
      </c>
      <c r="G37" s="120">
        <v>12</v>
      </c>
      <c r="H37" s="121">
        <v>4.7</v>
      </c>
      <c r="I37" s="118">
        <v>378557</v>
      </c>
      <c r="J37" s="118">
        <v>11</v>
      </c>
      <c r="K37" s="119">
        <v>4.8600000000000003</v>
      </c>
      <c r="L37" s="118">
        <v>360281</v>
      </c>
      <c r="M37" s="118">
        <v>15</v>
      </c>
      <c r="N37" s="119">
        <v>-4.83</v>
      </c>
      <c r="O37" s="118">
        <v>392038</v>
      </c>
      <c r="P37" s="118">
        <v>13</v>
      </c>
      <c r="Q37" s="117">
        <v>8.81</v>
      </c>
    </row>
    <row r="38" spans="1:17" ht="19.5" customHeight="1" thickBot="1" x14ac:dyDescent="0.2">
      <c r="A38" s="116">
        <v>33</v>
      </c>
      <c r="B38" s="115" t="s">
        <v>15</v>
      </c>
      <c r="C38" s="113">
        <v>351362</v>
      </c>
      <c r="D38" s="113">
        <v>18</v>
      </c>
      <c r="E38" s="114">
        <v>-4.0199999999999996</v>
      </c>
      <c r="F38" s="113">
        <v>373972</v>
      </c>
      <c r="G38" s="113">
        <v>8</v>
      </c>
      <c r="H38" s="114">
        <v>6.43</v>
      </c>
      <c r="I38" s="110">
        <v>363758</v>
      </c>
      <c r="J38" s="110">
        <v>19</v>
      </c>
      <c r="K38" s="112">
        <v>-2.73</v>
      </c>
      <c r="L38" s="110">
        <v>386916</v>
      </c>
      <c r="M38" s="110">
        <v>3</v>
      </c>
      <c r="N38" s="112">
        <v>6.37</v>
      </c>
      <c r="O38" s="110">
        <v>423987</v>
      </c>
      <c r="P38" s="110">
        <v>4</v>
      </c>
      <c r="Q38" s="109">
        <v>9.58</v>
      </c>
    </row>
    <row r="39" spans="1:17" ht="19.5" hidden="1" customHeight="1" thickTop="1" x14ac:dyDescent="0.15">
      <c r="A39" s="137">
        <v>34</v>
      </c>
      <c r="B39" s="136" t="s">
        <v>106</v>
      </c>
      <c r="C39" s="155"/>
      <c r="D39" s="155"/>
      <c r="E39" s="154"/>
      <c r="F39" s="155"/>
      <c r="G39" s="155"/>
      <c r="H39" s="154"/>
      <c r="I39" s="106"/>
      <c r="J39" s="106"/>
      <c r="K39" s="102"/>
      <c r="L39" s="106"/>
      <c r="M39" s="106"/>
      <c r="N39" s="102"/>
      <c r="O39" s="153"/>
      <c r="P39" s="153"/>
      <c r="Q39" s="99"/>
    </row>
    <row r="40" spans="1:17" ht="19.5" hidden="1" customHeight="1" x14ac:dyDescent="0.15">
      <c r="A40" s="137">
        <v>35</v>
      </c>
      <c r="B40" s="136" t="s">
        <v>105</v>
      </c>
      <c r="C40" s="155"/>
      <c r="D40" s="155"/>
      <c r="E40" s="154"/>
      <c r="F40" s="155"/>
      <c r="G40" s="155"/>
      <c r="H40" s="154"/>
      <c r="I40" s="106"/>
      <c r="J40" s="106"/>
      <c r="K40" s="102"/>
      <c r="L40" s="106"/>
      <c r="M40" s="106"/>
      <c r="N40" s="102"/>
      <c r="O40" s="153"/>
      <c r="P40" s="153"/>
      <c r="Q40" s="99"/>
    </row>
    <row r="41" spans="1:17" ht="19.5" hidden="1" customHeight="1" x14ac:dyDescent="0.15">
      <c r="A41" s="137">
        <v>36</v>
      </c>
      <c r="B41" s="136" t="s">
        <v>104</v>
      </c>
      <c r="C41" s="155"/>
      <c r="D41" s="155"/>
      <c r="E41" s="154"/>
      <c r="F41" s="155"/>
      <c r="G41" s="155"/>
      <c r="H41" s="154"/>
      <c r="I41" s="106"/>
      <c r="J41" s="106"/>
      <c r="K41" s="102"/>
      <c r="L41" s="106"/>
      <c r="M41" s="106"/>
      <c r="N41" s="102"/>
      <c r="O41" s="153"/>
      <c r="P41" s="153"/>
      <c r="Q41" s="99"/>
    </row>
    <row r="42" spans="1:17" ht="19.5" hidden="1" customHeight="1" thickBot="1" x14ac:dyDescent="0.2">
      <c r="A42" s="137">
        <v>37</v>
      </c>
      <c r="B42" s="136" t="s">
        <v>103</v>
      </c>
      <c r="C42" s="155"/>
      <c r="D42" s="155"/>
      <c r="E42" s="154"/>
      <c r="F42" s="155"/>
      <c r="G42" s="155"/>
      <c r="H42" s="154"/>
      <c r="I42" s="106"/>
      <c r="J42" s="106"/>
      <c r="K42" s="102"/>
      <c r="L42" s="106"/>
      <c r="M42" s="106"/>
      <c r="N42" s="102"/>
      <c r="O42" s="153"/>
      <c r="P42" s="153"/>
      <c r="Q42" s="99"/>
    </row>
    <row r="43" spans="1:17" ht="19.5" customHeight="1" thickTop="1" x14ac:dyDescent="0.15">
      <c r="A43" s="131">
        <v>301</v>
      </c>
      <c r="B43" s="130" t="s">
        <v>102</v>
      </c>
      <c r="C43" s="128">
        <v>195328</v>
      </c>
      <c r="D43" s="128">
        <v>3</v>
      </c>
      <c r="E43" s="129">
        <v>5.73</v>
      </c>
      <c r="F43" s="128">
        <v>204777</v>
      </c>
      <c r="G43" s="128">
        <v>2</v>
      </c>
      <c r="H43" s="129">
        <v>4.84</v>
      </c>
      <c r="I43" s="125">
        <v>212763</v>
      </c>
      <c r="J43" s="125">
        <v>2</v>
      </c>
      <c r="K43" s="127">
        <v>3.9</v>
      </c>
      <c r="L43" s="125">
        <v>195945</v>
      </c>
      <c r="M43" s="125">
        <v>2</v>
      </c>
      <c r="N43" s="127">
        <v>-7.9</v>
      </c>
      <c r="O43" s="125">
        <v>216794</v>
      </c>
      <c r="P43" s="125">
        <v>2</v>
      </c>
      <c r="Q43" s="124">
        <v>10.64</v>
      </c>
    </row>
    <row r="44" spans="1:17" ht="19.5" customHeight="1" x14ac:dyDescent="0.15">
      <c r="A44" s="123">
        <v>302</v>
      </c>
      <c r="B44" s="122" t="s">
        <v>101</v>
      </c>
      <c r="C44" s="120">
        <v>163665</v>
      </c>
      <c r="D44" s="120">
        <v>6</v>
      </c>
      <c r="E44" s="121">
        <v>3.13</v>
      </c>
      <c r="F44" s="120">
        <v>204777</v>
      </c>
      <c r="G44" s="120">
        <v>2</v>
      </c>
      <c r="H44" s="121">
        <v>25.12</v>
      </c>
      <c r="I44" s="118">
        <v>212763</v>
      </c>
      <c r="J44" s="118">
        <v>2</v>
      </c>
      <c r="K44" s="119">
        <v>3.9</v>
      </c>
      <c r="L44" s="118">
        <v>164470</v>
      </c>
      <c r="M44" s="118">
        <v>6</v>
      </c>
      <c r="N44" s="119">
        <v>-22.7</v>
      </c>
      <c r="O44" s="118">
        <v>182522</v>
      </c>
      <c r="P44" s="118">
        <v>6</v>
      </c>
      <c r="Q44" s="117">
        <v>10.98</v>
      </c>
    </row>
    <row r="45" spans="1:17" ht="19.5" customHeight="1" x14ac:dyDescent="0.15">
      <c r="A45" s="123">
        <v>303</v>
      </c>
      <c r="B45" s="122" t="s">
        <v>100</v>
      </c>
      <c r="C45" s="120">
        <v>242506</v>
      </c>
      <c r="D45" s="120">
        <v>1</v>
      </c>
      <c r="E45" s="121">
        <v>-0.12</v>
      </c>
      <c r="F45" s="120">
        <v>168352</v>
      </c>
      <c r="G45" s="120">
        <v>6</v>
      </c>
      <c r="H45" s="121">
        <v>-30.58</v>
      </c>
      <c r="I45" s="118">
        <v>171686</v>
      </c>
      <c r="J45" s="118">
        <v>6</v>
      </c>
      <c r="K45" s="119">
        <v>1.98</v>
      </c>
      <c r="L45" s="118">
        <v>236406</v>
      </c>
      <c r="M45" s="118">
        <v>1</v>
      </c>
      <c r="N45" s="119">
        <v>37.700000000000003</v>
      </c>
      <c r="O45" s="118">
        <v>249592</v>
      </c>
      <c r="P45" s="118">
        <v>1</v>
      </c>
      <c r="Q45" s="117">
        <v>5.58</v>
      </c>
    </row>
    <row r="46" spans="1:17" ht="19.5" customHeight="1" x14ac:dyDescent="0.15">
      <c r="A46" s="123">
        <v>304</v>
      </c>
      <c r="B46" s="122" t="s">
        <v>99</v>
      </c>
      <c r="C46" s="120">
        <v>187551</v>
      </c>
      <c r="D46" s="120">
        <v>5</v>
      </c>
      <c r="E46" s="121">
        <v>-1.47</v>
      </c>
      <c r="F46" s="120">
        <v>246561</v>
      </c>
      <c r="G46" s="120">
        <v>1</v>
      </c>
      <c r="H46" s="121">
        <v>31.46</v>
      </c>
      <c r="I46" s="118">
        <v>257090</v>
      </c>
      <c r="J46" s="118">
        <v>1</v>
      </c>
      <c r="K46" s="119">
        <v>4.2699999999999996</v>
      </c>
      <c r="L46" s="118">
        <v>187498</v>
      </c>
      <c r="M46" s="118">
        <v>5</v>
      </c>
      <c r="N46" s="119">
        <v>-27.07</v>
      </c>
      <c r="O46" s="118">
        <v>203319</v>
      </c>
      <c r="P46" s="118">
        <v>5</v>
      </c>
      <c r="Q46" s="117">
        <v>8.44</v>
      </c>
    </row>
    <row r="47" spans="1:17" ht="19.5" customHeight="1" x14ac:dyDescent="0.15">
      <c r="A47" s="123">
        <v>305</v>
      </c>
      <c r="B47" s="122" t="s">
        <v>98</v>
      </c>
      <c r="C47" s="120">
        <v>189146</v>
      </c>
      <c r="D47" s="120">
        <v>4</v>
      </c>
      <c r="E47" s="121">
        <v>-1.36</v>
      </c>
      <c r="F47" s="120">
        <v>182626</v>
      </c>
      <c r="G47" s="120">
        <v>5</v>
      </c>
      <c r="H47" s="121">
        <v>-3.45</v>
      </c>
      <c r="I47" s="118">
        <v>201062</v>
      </c>
      <c r="J47" s="118">
        <v>4</v>
      </c>
      <c r="K47" s="119">
        <v>10.09</v>
      </c>
      <c r="L47" s="118">
        <v>187782</v>
      </c>
      <c r="M47" s="118">
        <v>4</v>
      </c>
      <c r="N47" s="119">
        <v>-6.6</v>
      </c>
      <c r="O47" s="118">
        <v>207869</v>
      </c>
      <c r="P47" s="118">
        <v>4</v>
      </c>
      <c r="Q47" s="117">
        <v>10.7</v>
      </c>
    </row>
    <row r="48" spans="1:17" ht="19.5" customHeight="1" thickBot="1" x14ac:dyDescent="0.2">
      <c r="A48" s="116">
        <v>306</v>
      </c>
      <c r="B48" s="115" t="s">
        <v>97</v>
      </c>
      <c r="C48" s="113">
        <v>198497</v>
      </c>
      <c r="D48" s="113">
        <v>2</v>
      </c>
      <c r="E48" s="114">
        <v>-1.34</v>
      </c>
      <c r="F48" s="113">
        <v>191391</v>
      </c>
      <c r="G48" s="113">
        <v>4</v>
      </c>
      <c r="H48" s="114">
        <v>-3.58</v>
      </c>
      <c r="I48" s="110">
        <v>198808</v>
      </c>
      <c r="J48" s="110">
        <v>5</v>
      </c>
      <c r="K48" s="112">
        <v>3.88</v>
      </c>
      <c r="L48" s="110">
        <v>188810</v>
      </c>
      <c r="M48" s="110">
        <v>3</v>
      </c>
      <c r="N48" s="112">
        <v>-5.03</v>
      </c>
      <c r="O48" s="110">
        <v>208243</v>
      </c>
      <c r="P48" s="110">
        <v>3</v>
      </c>
      <c r="Q48" s="109">
        <v>10.29</v>
      </c>
    </row>
    <row r="49" spans="1:17" ht="19.5" customHeight="1" thickTop="1" thickBot="1" x14ac:dyDescent="0.2">
      <c r="A49" s="373" t="s">
        <v>3</v>
      </c>
      <c r="B49" s="374"/>
      <c r="C49" s="104">
        <v>345823</v>
      </c>
      <c r="D49" s="104"/>
      <c r="E49" s="105">
        <v>3.16</v>
      </c>
      <c r="F49" s="104">
        <v>352876</v>
      </c>
      <c r="G49" s="104"/>
      <c r="H49" s="105">
        <v>2.04</v>
      </c>
      <c r="I49" s="106">
        <v>362626</v>
      </c>
      <c r="J49" s="106"/>
      <c r="K49" s="102">
        <v>2.76</v>
      </c>
      <c r="L49" s="106">
        <v>350724</v>
      </c>
      <c r="M49" s="106"/>
      <c r="N49" s="102">
        <v>-3.28</v>
      </c>
      <c r="O49" s="106">
        <v>377901</v>
      </c>
      <c r="P49" s="153" t="s">
        <v>79</v>
      </c>
      <c r="Q49" s="99">
        <v>7.75</v>
      </c>
    </row>
    <row r="50" spans="1:17" ht="19.5" customHeight="1" thickTop="1" thickBot="1" x14ac:dyDescent="0.2">
      <c r="A50" s="373" t="s">
        <v>120</v>
      </c>
      <c r="B50" s="374"/>
      <c r="C50" s="104">
        <v>198483</v>
      </c>
      <c r="D50" s="104"/>
      <c r="E50" s="105">
        <v>-0.38</v>
      </c>
      <c r="F50" s="104">
        <v>199105</v>
      </c>
      <c r="G50" s="104"/>
      <c r="H50" s="105">
        <v>0.31</v>
      </c>
      <c r="I50" s="106">
        <v>204797</v>
      </c>
      <c r="J50" s="106"/>
      <c r="K50" s="102">
        <v>2.86</v>
      </c>
      <c r="L50" s="106">
        <v>191155</v>
      </c>
      <c r="M50" s="106"/>
      <c r="N50" s="102">
        <v>-6.66</v>
      </c>
      <c r="O50" s="106">
        <v>209741</v>
      </c>
      <c r="P50" s="153" t="s">
        <v>79</v>
      </c>
      <c r="Q50" s="99">
        <v>9.7200000000000006</v>
      </c>
    </row>
    <row r="51" spans="1:17" ht="19.5" customHeight="1" thickTop="1" thickBot="1" x14ac:dyDescent="0.2">
      <c r="A51" s="364" t="s">
        <v>119</v>
      </c>
      <c r="B51" s="365"/>
      <c r="C51" s="94">
        <v>336110</v>
      </c>
      <c r="D51" s="94"/>
      <c r="E51" s="95">
        <v>2.94</v>
      </c>
      <c r="F51" s="94">
        <v>342601</v>
      </c>
      <c r="G51" s="94"/>
      <c r="H51" s="95">
        <v>1.93</v>
      </c>
      <c r="I51" s="96">
        <v>351861</v>
      </c>
      <c r="J51" s="96"/>
      <c r="K51" s="92">
        <v>2.7</v>
      </c>
      <c r="L51" s="96">
        <v>339702</v>
      </c>
      <c r="M51" s="96"/>
      <c r="N51" s="92">
        <v>-3.46</v>
      </c>
      <c r="O51" s="96">
        <v>366189</v>
      </c>
      <c r="P51" s="152" t="s">
        <v>79</v>
      </c>
      <c r="Q51" s="89">
        <v>7.8</v>
      </c>
    </row>
    <row r="52" spans="1:17" x14ac:dyDescent="0.15">
      <c r="A52" s="328"/>
    </row>
  </sheetData>
  <mergeCells count="9">
    <mergeCell ref="O3:Q3"/>
    <mergeCell ref="C3:E3"/>
    <mergeCell ref="F3:H3"/>
    <mergeCell ref="L3:N3"/>
    <mergeCell ref="A51:B51"/>
    <mergeCell ref="A49:B49"/>
    <mergeCell ref="A3:B5"/>
    <mergeCell ref="A50:B50"/>
    <mergeCell ref="I3:K3"/>
  </mergeCells>
  <phoneticPr fontId="3"/>
  <printOptions horizontalCentered="1" gridLinesSet="0"/>
  <pageMargins left="0.59055118110236227" right="0.59055118110236227" top="0.59055118110236227" bottom="0.59055118110236227" header="0.23622047244094491" footer="0.19685039370078741"/>
  <pageSetup paperSize="9" scale="87" orientation="portrait" blackAndWhite="1" r:id="rId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transitionEntry="1"/>
  <dimension ref="A1:AY51"/>
  <sheetViews>
    <sheetView zoomScaleNormal="100" zoomScaleSheetLayoutView="100" workbookViewId="0">
      <selection activeCell="L60" sqref="L60"/>
    </sheetView>
  </sheetViews>
  <sheetFormatPr defaultColWidth="9" defaultRowHeight="11.25" x14ac:dyDescent="0.15"/>
  <cols>
    <col min="1" max="1" width="3.625" style="150" customWidth="1"/>
    <col min="2" max="2" width="9.875" style="150" customWidth="1"/>
    <col min="3" max="3" width="8.125" style="150" customWidth="1"/>
    <col min="4" max="4" width="3.125" style="150" customWidth="1"/>
    <col min="5" max="5" width="6.125" style="150" customWidth="1"/>
    <col min="6" max="6" width="8.125" style="150" customWidth="1"/>
    <col min="7" max="7" width="3.125" style="150" customWidth="1"/>
    <col min="8" max="8" width="6.125" style="150" customWidth="1"/>
    <col min="9" max="9" width="8.125" style="150" customWidth="1"/>
    <col min="10" max="10" width="3.125" style="150" customWidth="1"/>
    <col min="11" max="11" width="6.125" style="150" customWidth="1"/>
    <col min="12" max="12" width="8.125" style="150" customWidth="1"/>
    <col min="13" max="13" width="3.125" style="150" customWidth="1"/>
    <col min="14" max="14" width="7" style="150" bestFit="1" customWidth="1"/>
    <col min="15" max="15" width="8.125" style="150" customWidth="1"/>
    <col min="16" max="16" width="3.125" style="150" customWidth="1"/>
    <col min="17" max="17" width="7" style="150" bestFit="1" customWidth="1"/>
    <col min="18" max="16384" width="9" style="150"/>
  </cols>
  <sheetData>
    <row r="1" spans="1:17" ht="16.5" customHeight="1" x14ac:dyDescent="0.15">
      <c r="A1" s="151" t="s">
        <v>123</v>
      </c>
      <c r="O1" s="192"/>
    </row>
    <row r="2" spans="1:17" ht="11.1" customHeight="1" thickBot="1" x14ac:dyDescent="0.2">
      <c r="O2" s="159"/>
    </row>
    <row r="3" spans="1:17" s="326" customFormat="1" ht="15" customHeight="1" x14ac:dyDescent="0.15">
      <c r="A3" s="366" t="s">
        <v>57</v>
      </c>
      <c r="B3" s="367"/>
      <c r="C3" s="377" t="s">
        <v>118</v>
      </c>
      <c r="D3" s="378"/>
      <c r="E3" s="378"/>
      <c r="F3" s="377" t="s">
        <v>117</v>
      </c>
      <c r="G3" s="375"/>
      <c r="H3" s="375"/>
      <c r="I3" s="377" t="s">
        <v>116</v>
      </c>
      <c r="J3" s="375"/>
      <c r="K3" s="375"/>
      <c r="L3" s="371" t="s">
        <v>188</v>
      </c>
      <c r="M3" s="375"/>
      <c r="N3" s="379"/>
      <c r="O3" s="371" t="s">
        <v>189</v>
      </c>
      <c r="P3" s="375"/>
      <c r="Q3" s="376"/>
    </row>
    <row r="4" spans="1:17" ht="12.75" customHeight="1" x14ac:dyDescent="0.15">
      <c r="A4" s="368"/>
      <c r="B4" s="369"/>
      <c r="C4" s="147" t="s">
        <v>112</v>
      </c>
      <c r="D4" s="145" t="s">
        <v>111</v>
      </c>
      <c r="E4" s="147" t="s">
        <v>115</v>
      </c>
      <c r="F4" s="148" t="s">
        <v>112</v>
      </c>
      <c r="G4" s="145" t="s">
        <v>111</v>
      </c>
      <c r="H4" s="147" t="s">
        <v>114</v>
      </c>
      <c r="I4" s="148" t="s">
        <v>112</v>
      </c>
      <c r="J4" s="145" t="s">
        <v>111</v>
      </c>
      <c r="K4" s="148" t="s">
        <v>113</v>
      </c>
      <c r="L4" s="148" t="s">
        <v>112</v>
      </c>
      <c r="M4" s="145" t="s">
        <v>111</v>
      </c>
      <c r="N4" s="158" t="s">
        <v>110</v>
      </c>
      <c r="O4" s="148" t="s">
        <v>112</v>
      </c>
      <c r="P4" s="145" t="s">
        <v>111</v>
      </c>
      <c r="Q4" s="144" t="s">
        <v>190</v>
      </c>
    </row>
    <row r="5" spans="1:17" s="324" customFormat="1" ht="12.75" customHeight="1" x14ac:dyDescent="0.15">
      <c r="A5" s="368"/>
      <c r="B5" s="369"/>
      <c r="C5" s="141" t="s">
        <v>108</v>
      </c>
      <c r="D5" s="140" t="s">
        <v>107</v>
      </c>
      <c r="E5" s="141" t="s">
        <v>109</v>
      </c>
      <c r="F5" s="141" t="s">
        <v>108</v>
      </c>
      <c r="G5" s="140" t="s">
        <v>107</v>
      </c>
      <c r="H5" s="141" t="s">
        <v>109</v>
      </c>
      <c r="I5" s="141" t="s">
        <v>108</v>
      </c>
      <c r="J5" s="140" t="s">
        <v>107</v>
      </c>
      <c r="K5" s="141" t="s">
        <v>109</v>
      </c>
      <c r="L5" s="141" t="s">
        <v>108</v>
      </c>
      <c r="M5" s="140" t="s">
        <v>107</v>
      </c>
      <c r="N5" s="157" t="s">
        <v>109</v>
      </c>
      <c r="O5" s="141" t="s">
        <v>108</v>
      </c>
      <c r="P5" s="140" t="s">
        <v>107</v>
      </c>
      <c r="Q5" s="156" t="s">
        <v>109</v>
      </c>
    </row>
    <row r="6" spans="1:17" ht="19.5" customHeight="1" x14ac:dyDescent="0.15">
      <c r="A6" s="138">
        <v>1</v>
      </c>
      <c r="B6" s="122" t="s">
        <v>47</v>
      </c>
      <c r="C6" s="191">
        <v>455124</v>
      </c>
      <c r="D6" s="191">
        <v>12</v>
      </c>
      <c r="E6" s="121">
        <v>7.72</v>
      </c>
      <c r="F6" s="191">
        <v>533987</v>
      </c>
      <c r="G6" s="191">
        <v>7</v>
      </c>
      <c r="H6" s="121">
        <v>17.329999999999998</v>
      </c>
      <c r="I6" s="118">
        <v>515748</v>
      </c>
      <c r="J6" s="118">
        <v>7</v>
      </c>
      <c r="K6" s="121">
        <v>-3.42</v>
      </c>
      <c r="L6" s="118">
        <v>7928530</v>
      </c>
      <c r="M6" s="118">
        <v>1</v>
      </c>
      <c r="N6" s="121">
        <v>1437.29</v>
      </c>
      <c r="O6" s="118">
        <v>11012749</v>
      </c>
      <c r="P6" s="118">
        <v>1</v>
      </c>
      <c r="Q6" s="117">
        <v>38.9</v>
      </c>
    </row>
    <row r="7" spans="1:17" ht="19.5" customHeight="1" x14ac:dyDescent="0.15">
      <c r="A7" s="123">
        <v>2</v>
      </c>
      <c r="B7" s="122" t="s">
        <v>46</v>
      </c>
      <c r="C7" s="191">
        <v>519931</v>
      </c>
      <c r="D7" s="191">
        <v>5</v>
      </c>
      <c r="E7" s="121">
        <v>9.7100000000000009</v>
      </c>
      <c r="F7" s="191">
        <v>651304</v>
      </c>
      <c r="G7" s="191">
        <v>3</v>
      </c>
      <c r="H7" s="121">
        <v>25.27</v>
      </c>
      <c r="I7" s="118">
        <v>641283</v>
      </c>
      <c r="J7" s="118">
        <v>4</v>
      </c>
      <c r="K7" s="121">
        <v>-1.54</v>
      </c>
      <c r="L7" s="118">
        <v>0</v>
      </c>
      <c r="M7" s="118">
        <v>6</v>
      </c>
      <c r="N7" s="121" t="s">
        <v>79</v>
      </c>
      <c r="O7" s="118">
        <v>0</v>
      </c>
      <c r="P7" s="118">
        <v>3</v>
      </c>
      <c r="Q7" s="190" t="s">
        <v>79</v>
      </c>
    </row>
    <row r="8" spans="1:17" ht="19.5" customHeight="1" x14ac:dyDescent="0.15">
      <c r="A8" s="123">
        <v>3</v>
      </c>
      <c r="B8" s="122" t="s">
        <v>45</v>
      </c>
      <c r="C8" s="191">
        <v>423636</v>
      </c>
      <c r="D8" s="191">
        <v>17</v>
      </c>
      <c r="E8" s="121">
        <v>3.07</v>
      </c>
      <c r="F8" s="191">
        <v>406493</v>
      </c>
      <c r="G8" s="191">
        <v>17</v>
      </c>
      <c r="H8" s="121">
        <v>-4.05</v>
      </c>
      <c r="I8" s="118">
        <v>471412</v>
      </c>
      <c r="J8" s="118">
        <v>12</v>
      </c>
      <c r="K8" s="121">
        <v>15.97</v>
      </c>
      <c r="L8" s="118">
        <v>-42910</v>
      </c>
      <c r="M8" s="118">
        <v>33</v>
      </c>
      <c r="N8" s="121">
        <v>-109.1</v>
      </c>
      <c r="O8" s="118">
        <v>0</v>
      </c>
      <c r="P8" s="118">
        <v>3</v>
      </c>
      <c r="Q8" s="117">
        <v>-100</v>
      </c>
    </row>
    <row r="9" spans="1:17" ht="19.5" customHeight="1" x14ac:dyDescent="0.15">
      <c r="A9" s="123">
        <v>4</v>
      </c>
      <c r="B9" s="122" t="s">
        <v>44</v>
      </c>
      <c r="C9" s="191">
        <v>458529</v>
      </c>
      <c r="D9" s="191">
        <v>11</v>
      </c>
      <c r="E9" s="121">
        <v>13.62</v>
      </c>
      <c r="F9" s="191">
        <v>426111</v>
      </c>
      <c r="G9" s="191">
        <v>15</v>
      </c>
      <c r="H9" s="121">
        <v>-7.07</v>
      </c>
      <c r="I9" s="118">
        <v>564861</v>
      </c>
      <c r="J9" s="118">
        <v>5</v>
      </c>
      <c r="K9" s="121">
        <v>32.56</v>
      </c>
      <c r="L9" s="118">
        <v>0</v>
      </c>
      <c r="M9" s="118">
        <v>6</v>
      </c>
      <c r="N9" s="121" t="s">
        <v>79</v>
      </c>
      <c r="O9" s="118">
        <v>0</v>
      </c>
      <c r="P9" s="118">
        <v>3</v>
      </c>
      <c r="Q9" s="190" t="s">
        <v>79</v>
      </c>
    </row>
    <row r="10" spans="1:17" ht="19.5" customHeight="1" x14ac:dyDescent="0.15">
      <c r="A10" s="123">
        <v>5</v>
      </c>
      <c r="B10" s="122" t="s">
        <v>43</v>
      </c>
      <c r="C10" s="191">
        <v>462946</v>
      </c>
      <c r="D10" s="191">
        <v>8</v>
      </c>
      <c r="E10" s="121">
        <v>15.49</v>
      </c>
      <c r="F10" s="191">
        <v>540803</v>
      </c>
      <c r="G10" s="191">
        <v>6</v>
      </c>
      <c r="H10" s="121">
        <v>16.82</v>
      </c>
      <c r="I10" s="118">
        <v>514736</v>
      </c>
      <c r="J10" s="118">
        <v>8</v>
      </c>
      <c r="K10" s="121">
        <v>-4.82</v>
      </c>
      <c r="L10" s="118">
        <v>364067</v>
      </c>
      <c r="M10" s="118">
        <v>3</v>
      </c>
      <c r="N10" s="121">
        <v>-29.27</v>
      </c>
      <c r="O10" s="118">
        <v>465270</v>
      </c>
      <c r="P10" s="118">
        <v>2</v>
      </c>
      <c r="Q10" s="117">
        <v>27.8</v>
      </c>
    </row>
    <row r="11" spans="1:17" ht="19.5" customHeight="1" x14ac:dyDescent="0.15">
      <c r="A11" s="123">
        <v>6</v>
      </c>
      <c r="B11" s="122" t="s">
        <v>42</v>
      </c>
      <c r="C11" s="191">
        <v>347348</v>
      </c>
      <c r="D11" s="191">
        <v>28</v>
      </c>
      <c r="E11" s="121">
        <v>-1.98</v>
      </c>
      <c r="F11" s="191">
        <v>310956</v>
      </c>
      <c r="G11" s="191">
        <v>26</v>
      </c>
      <c r="H11" s="121">
        <v>-10.48</v>
      </c>
      <c r="I11" s="118">
        <v>438632</v>
      </c>
      <c r="J11" s="118">
        <v>14</v>
      </c>
      <c r="K11" s="121">
        <v>41.06</v>
      </c>
      <c r="L11" s="118">
        <v>0</v>
      </c>
      <c r="M11" s="118">
        <v>6</v>
      </c>
      <c r="N11" s="121" t="s">
        <v>79</v>
      </c>
      <c r="O11" s="118">
        <v>0</v>
      </c>
      <c r="P11" s="118">
        <v>3</v>
      </c>
      <c r="Q11" s="190" t="s">
        <v>79</v>
      </c>
    </row>
    <row r="12" spans="1:17" ht="19.5" customHeight="1" x14ac:dyDescent="0.15">
      <c r="A12" s="123">
        <v>7</v>
      </c>
      <c r="B12" s="122" t="s">
        <v>41</v>
      </c>
      <c r="C12" s="191">
        <v>361280</v>
      </c>
      <c r="D12" s="191">
        <v>24</v>
      </c>
      <c r="E12" s="121">
        <v>-4.16</v>
      </c>
      <c r="F12" s="191">
        <v>372803</v>
      </c>
      <c r="G12" s="191">
        <v>19</v>
      </c>
      <c r="H12" s="121">
        <v>3.19</v>
      </c>
      <c r="I12" s="118">
        <v>340797</v>
      </c>
      <c r="J12" s="118">
        <v>16</v>
      </c>
      <c r="K12" s="121">
        <v>-8.59</v>
      </c>
      <c r="L12" s="118">
        <v>73262</v>
      </c>
      <c r="M12" s="118">
        <v>5</v>
      </c>
      <c r="N12" s="121">
        <v>-78.5</v>
      </c>
      <c r="O12" s="118">
        <v>0</v>
      </c>
      <c r="P12" s="118">
        <v>3</v>
      </c>
      <c r="Q12" s="117">
        <v>-100</v>
      </c>
    </row>
    <row r="13" spans="1:17" ht="19.5" customHeight="1" x14ac:dyDescent="0.15">
      <c r="A13" s="123">
        <v>8</v>
      </c>
      <c r="B13" s="122" t="s">
        <v>40</v>
      </c>
      <c r="C13" s="191">
        <v>333474</v>
      </c>
      <c r="D13" s="191">
        <v>32</v>
      </c>
      <c r="E13" s="121">
        <v>-9.15</v>
      </c>
      <c r="F13" s="191">
        <v>331556</v>
      </c>
      <c r="G13" s="191">
        <v>25</v>
      </c>
      <c r="H13" s="121">
        <v>-0.57999999999999996</v>
      </c>
      <c r="I13" s="118">
        <v>559011</v>
      </c>
      <c r="J13" s="118">
        <v>6</v>
      </c>
      <c r="K13" s="121">
        <v>68.599999999999994</v>
      </c>
      <c r="L13" s="118">
        <v>0</v>
      </c>
      <c r="M13" s="118">
        <v>6</v>
      </c>
      <c r="N13" s="121" t="s">
        <v>79</v>
      </c>
      <c r="O13" s="118">
        <v>0</v>
      </c>
      <c r="P13" s="118">
        <v>3</v>
      </c>
      <c r="Q13" s="190" t="s">
        <v>79</v>
      </c>
    </row>
    <row r="14" spans="1:17" ht="19.5" customHeight="1" x14ac:dyDescent="0.15">
      <c r="A14" s="123">
        <v>9</v>
      </c>
      <c r="B14" s="122" t="s">
        <v>39</v>
      </c>
      <c r="C14" s="191">
        <v>555538</v>
      </c>
      <c r="D14" s="191">
        <v>2</v>
      </c>
      <c r="E14" s="121">
        <v>37.119999999999997</v>
      </c>
      <c r="F14" s="191">
        <v>515268</v>
      </c>
      <c r="G14" s="191">
        <v>8</v>
      </c>
      <c r="H14" s="121">
        <v>-7.25</v>
      </c>
      <c r="I14" s="118">
        <v>504503</v>
      </c>
      <c r="J14" s="118">
        <v>9</v>
      </c>
      <c r="K14" s="121">
        <v>-2.09</v>
      </c>
      <c r="L14" s="118">
        <v>0</v>
      </c>
      <c r="M14" s="118">
        <v>6</v>
      </c>
      <c r="N14" s="121" t="s">
        <v>79</v>
      </c>
      <c r="O14" s="118">
        <v>0</v>
      </c>
      <c r="P14" s="118">
        <v>3</v>
      </c>
      <c r="Q14" s="190" t="s">
        <v>79</v>
      </c>
    </row>
    <row r="15" spans="1:17" ht="19.5" customHeight="1" x14ac:dyDescent="0.15">
      <c r="A15" s="123">
        <v>10</v>
      </c>
      <c r="B15" s="122" t="s">
        <v>38</v>
      </c>
      <c r="C15" s="191">
        <v>429242</v>
      </c>
      <c r="D15" s="191">
        <v>16</v>
      </c>
      <c r="E15" s="121">
        <v>-2.35</v>
      </c>
      <c r="F15" s="191">
        <v>476081</v>
      </c>
      <c r="G15" s="191">
        <v>11</v>
      </c>
      <c r="H15" s="121">
        <v>10.91</v>
      </c>
      <c r="I15" s="118">
        <v>765804</v>
      </c>
      <c r="J15" s="118">
        <v>2</v>
      </c>
      <c r="K15" s="121">
        <v>60.86</v>
      </c>
      <c r="L15" s="118">
        <v>1184265</v>
      </c>
      <c r="M15" s="118">
        <v>2</v>
      </c>
      <c r="N15" s="121">
        <v>54.64</v>
      </c>
      <c r="O15" s="118">
        <v>0</v>
      </c>
      <c r="P15" s="118">
        <v>3</v>
      </c>
      <c r="Q15" s="117">
        <v>-100</v>
      </c>
    </row>
    <row r="16" spans="1:17" ht="19.5" customHeight="1" x14ac:dyDescent="0.15">
      <c r="A16" s="123">
        <v>11</v>
      </c>
      <c r="B16" s="122" t="s">
        <v>37</v>
      </c>
      <c r="C16" s="191">
        <v>391756</v>
      </c>
      <c r="D16" s="191">
        <v>20</v>
      </c>
      <c r="E16" s="121">
        <v>-5.15</v>
      </c>
      <c r="F16" s="191">
        <v>734284</v>
      </c>
      <c r="G16" s="191">
        <v>1</v>
      </c>
      <c r="H16" s="121">
        <v>87.43</v>
      </c>
      <c r="I16" s="118">
        <v>489524</v>
      </c>
      <c r="J16" s="118">
        <v>10</v>
      </c>
      <c r="K16" s="121">
        <v>-33.33</v>
      </c>
      <c r="L16" s="118">
        <v>0</v>
      </c>
      <c r="M16" s="118">
        <v>6</v>
      </c>
      <c r="N16" s="121" t="s">
        <v>79</v>
      </c>
      <c r="O16" s="118">
        <v>0</v>
      </c>
      <c r="P16" s="118">
        <v>3</v>
      </c>
      <c r="Q16" s="190" t="s">
        <v>79</v>
      </c>
    </row>
    <row r="17" spans="1:17" ht="19.5" customHeight="1" x14ac:dyDescent="0.15">
      <c r="A17" s="123">
        <v>12</v>
      </c>
      <c r="B17" s="122" t="s">
        <v>36</v>
      </c>
      <c r="C17" s="191">
        <v>346555</v>
      </c>
      <c r="D17" s="191">
        <v>29</v>
      </c>
      <c r="E17" s="121">
        <v>2.5099999999999998</v>
      </c>
      <c r="F17" s="191">
        <v>401540</v>
      </c>
      <c r="G17" s="191">
        <v>18</v>
      </c>
      <c r="H17" s="121">
        <v>15.87</v>
      </c>
      <c r="I17" s="118">
        <v>185055</v>
      </c>
      <c r="J17" s="118">
        <v>24</v>
      </c>
      <c r="K17" s="121">
        <v>-53.91</v>
      </c>
      <c r="L17" s="118">
        <v>0</v>
      </c>
      <c r="M17" s="118">
        <v>6</v>
      </c>
      <c r="N17" s="121" t="s">
        <v>79</v>
      </c>
      <c r="O17" s="118">
        <v>0</v>
      </c>
      <c r="P17" s="118">
        <v>3</v>
      </c>
      <c r="Q17" s="190" t="s">
        <v>79</v>
      </c>
    </row>
    <row r="18" spans="1:17" ht="19.5" customHeight="1" x14ac:dyDescent="0.15">
      <c r="A18" s="123">
        <v>13</v>
      </c>
      <c r="B18" s="122" t="s">
        <v>35</v>
      </c>
      <c r="C18" s="191">
        <v>386041</v>
      </c>
      <c r="D18" s="191">
        <v>21</v>
      </c>
      <c r="E18" s="121">
        <v>-2.42</v>
      </c>
      <c r="F18" s="191">
        <v>348379</v>
      </c>
      <c r="G18" s="191">
        <v>24</v>
      </c>
      <c r="H18" s="121">
        <v>-9.76</v>
      </c>
      <c r="I18" s="118">
        <v>481400</v>
      </c>
      <c r="J18" s="118">
        <v>11</v>
      </c>
      <c r="K18" s="121">
        <v>38.18</v>
      </c>
      <c r="L18" s="118">
        <v>0</v>
      </c>
      <c r="M18" s="118">
        <v>6</v>
      </c>
      <c r="N18" s="121" t="s">
        <v>79</v>
      </c>
      <c r="O18" s="118">
        <v>0</v>
      </c>
      <c r="P18" s="118">
        <v>3</v>
      </c>
      <c r="Q18" s="190" t="s">
        <v>79</v>
      </c>
    </row>
    <row r="19" spans="1:17" ht="19.5" customHeight="1" x14ac:dyDescent="0.15">
      <c r="A19" s="123">
        <v>14</v>
      </c>
      <c r="B19" s="122" t="s">
        <v>34</v>
      </c>
      <c r="C19" s="191">
        <v>359572</v>
      </c>
      <c r="D19" s="191">
        <v>26</v>
      </c>
      <c r="E19" s="121">
        <v>-6.23</v>
      </c>
      <c r="F19" s="191">
        <v>364900</v>
      </c>
      <c r="G19" s="191">
        <v>20</v>
      </c>
      <c r="H19" s="121">
        <v>1.48</v>
      </c>
      <c r="I19" s="118">
        <v>258849</v>
      </c>
      <c r="J19" s="118">
        <v>21</v>
      </c>
      <c r="K19" s="121">
        <v>-29.06</v>
      </c>
      <c r="L19" s="118">
        <v>0</v>
      </c>
      <c r="M19" s="118">
        <v>6</v>
      </c>
      <c r="N19" s="121" t="s">
        <v>79</v>
      </c>
      <c r="O19" s="118">
        <v>0</v>
      </c>
      <c r="P19" s="118">
        <v>3</v>
      </c>
      <c r="Q19" s="190" t="s">
        <v>79</v>
      </c>
    </row>
    <row r="20" spans="1:17" ht="19.5" customHeight="1" x14ac:dyDescent="0.15">
      <c r="A20" s="123">
        <v>15</v>
      </c>
      <c r="B20" s="122" t="s">
        <v>33</v>
      </c>
      <c r="C20" s="191">
        <v>359596</v>
      </c>
      <c r="D20" s="191">
        <v>25</v>
      </c>
      <c r="E20" s="121">
        <v>2.81</v>
      </c>
      <c r="F20" s="191">
        <v>357334</v>
      </c>
      <c r="G20" s="191">
        <v>22</v>
      </c>
      <c r="H20" s="121">
        <v>-0.63</v>
      </c>
      <c r="I20" s="118">
        <v>673586</v>
      </c>
      <c r="J20" s="118">
        <v>3</v>
      </c>
      <c r="K20" s="121">
        <v>88.5</v>
      </c>
      <c r="L20" s="118">
        <v>0</v>
      </c>
      <c r="M20" s="118">
        <v>6</v>
      </c>
      <c r="N20" s="121" t="s">
        <v>79</v>
      </c>
      <c r="O20" s="118">
        <v>0</v>
      </c>
      <c r="P20" s="118">
        <v>3</v>
      </c>
      <c r="Q20" s="190" t="s">
        <v>79</v>
      </c>
    </row>
    <row r="21" spans="1:17" ht="19.5" customHeight="1" x14ac:dyDescent="0.15">
      <c r="A21" s="123">
        <v>16</v>
      </c>
      <c r="B21" s="122" t="s">
        <v>32</v>
      </c>
      <c r="C21" s="191">
        <v>368888</v>
      </c>
      <c r="D21" s="191">
        <v>22</v>
      </c>
      <c r="E21" s="121">
        <v>0.01</v>
      </c>
      <c r="F21" s="191">
        <v>268635</v>
      </c>
      <c r="G21" s="191">
        <v>28</v>
      </c>
      <c r="H21" s="121">
        <v>-27.18</v>
      </c>
      <c r="I21" s="118">
        <v>125240</v>
      </c>
      <c r="J21" s="118">
        <v>28</v>
      </c>
      <c r="K21" s="121">
        <v>-53.38</v>
      </c>
      <c r="L21" s="118">
        <v>0</v>
      </c>
      <c r="M21" s="118">
        <v>6</v>
      </c>
      <c r="N21" s="121" t="s">
        <v>79</v>
      </c>
      <c r="O21" s="118">
        <v>0</v>
      </c>
      <c r="P21" s="118">
        <v>3</v>
      </c>
      <c r="Q21" s="190" t="s">
        <v>79</v>
      </c>
    </row>
    <row r="22" spans="1:17" ht="19.5" customHeight="1" x14ac:dyDescent="0.15">
      <c r="A22" s="123">
        <v>17</v>
      </c>
      <c r="B22" s="122" t="s">
        <v>31</v>
      </c>
      <c r="C22" s="191">
        <v>479238</v>
      </c>
      <c r="D22" s="191">
        <v>7</v>
      </c>
      <c r="E22" s="121">
        <v>5.44</v>
      </c>
      <c r="F22" s="191">
        <v>499439</v>
      </c>
      <c r="G22" s="191">
        <v>9</v>
      </c>
      <c r="H22" s="121">
        <v>4.22</v>
      </c>
      <c r="I22" s="118">
        <v>248430</v>
      </c>
      <c r="J22" s="118">
        <v>22</v>
      </c>
      <c r="K22" s="121">
        <v>-50.26</v>
      </c>
      <c r="L22" s="118">
        <v>0</v>
      </c>
      <c r="M22" s="118">
        <v>6</v>
      </c>
      <c r="N22" s="121" t="s">
        <v>79</v>
      </c>
      <c r="O22" s="118">
        <v>0</v>
      </c>
      <c r="P22" s="118">
        <v>3</v>
      </c>
      <c r="Q22" s="190" t="s">
        <v>79</v>
      </c>
    </row>
    <row r="23" spans="1:17" ht="19.5" customHeight="1" x14ac:dyDescent="0.15">
      <c r="A23" s="123">
        <v>18</v>
      </c>
      <c r="B23" s="122" t="s">
        <v>30</v>
      </c>
      <c r="C23" s="191">
        <v>460742</v>
      </c>
      <c r="D23" s="191">
        <v>9</v>
      </c>
      <c r="E23" s="121">
        <v>16.39</v>
      </c>
      <c r="F23" s="191">
        <v>430604</v>
      </c>
      <c r="G23" s="191">
        <v>14</v>
      </c>
      <c r="H23" s="121">
        <v>-6.54</v>
      </c>
      <c r="I23" s="118">
        <v>448856</v>
      </c>
      <c r="J23" s="118">
        <v>13</v>
      </c>
      <c r="K23" s="121">
        <v>4.24</v>
      </c>
      <c r="L23" s="118">
        <v>212160</v>
      </c>
      <c r="M23" s="118">
        <v>4</v>
      </c>
      <c r="N23" s="121">
        <v>-52.73</v>
      </c>
      <c r="O23" s="118">
        <v>0</v>
      </c>
      <c r="P23" s="118">
        <v>3</v>
      </c>
      <c r="Q23" s="117">
        <v>-100</v>
      </c>
    </row>
    <row r="24" spans="1:17" ht="19.5" customHeight="1" x14ac:dyDescent="0.15">
      <c r="A24" s="123">
        <v>19</v>
      </c>
      <c r="B24" s="122" t="s">
        <v>29</v>
      </c>
      <c r="C24" s="191">
        <v>443251</v>
      </c>
      <c r="D24" s="191">
        <v>14</v>
      </c>
      <c r="E24" s="121">
        <v>9.02</v>
      </c>
      <c r="F24" s="191">
        <v>363857</v>
      </c>
      <c r="G24" s="191">
        <v>21</v>
      </c>
      <c r="H24" s="121">
        <v>-17.91</v>
      </c>
      <c r="I24" s="118">
        <v>206560</v>
      </c>
      <c r="J24" s="118">
        <v>23</v>
      </c>
      <c r="K24" s="121">
        <v>-43.23</v>
      </c>
      <c r="L24" s="118">
        <v>0</v>
      </c>
      <c r="M24" s="118">
        <v>6</v>
      </c>
      <c r="N24" s="121" t="s">
        <v>79</v>
      </c>
      <c r="O24" s="118">
        <v>0</v>
      </c>
      <c r="P24" s="118">
        <v>3</v>
      </c>
      <c r="Q24" s="190" t="s">
        <v>79</v>
      </c>
    </row>
    <row r="25" spans="1:17" ht="19.5" customHeight="1" x14ac:dyDescent="0.15">
      <c r="A25" s="123">
        <v>20</v>
      </c>
      <c r="B25" s="122" t="s">
        <v>28</v>
      </c>
      <c r="C25" s="191">
        <v>494398</v>
      </c>
      <c r="D25" s="191">
        <v>6</v>
      </c>
      <c r="E25" s="121">
        <v>41.87</v>
      </c>
      <c r="F25" s="191">
        <v>493740</v>
      </c>
      <c r="G25" s="191">
        <v>10</v>
      </c>
      <c r="H25" s="121">
        <v>-0.13</v>
      </c>
      <c r="I25" s="118">
        <v>349849</v>
      </c>
      <c r="J25" s="118">
        <v>15</v>
      </c>
      <c r="K25" s="121">
        <v>-29.14</v>
      </c>
      <c r="L25" s="118">
        <v>0</v>
      </c>
      <c r="M25" s="118">
        <v>6</v>
      </c>
      <c r="N25" s="121" t="s">
        <v>79</v>
      </c>
      <c r="O25" s="118">
        <v>0</v>
      </c>
      <c r="P25" s="118">
        <v>3</v>
      </c>
      <c r="Q25" s="190" t="s">
        <v>79</v>
      </c>
    </row>
    <row r="26" spans="1:17" ht="19.5" customHeight="1" x14ac:dyDescent="0.15">
      <c r="A26" s="123">
        <v>21</v>
      </c>
      <c r="B26" s="122" t="s">
        <v>27</v>
      </c>
      <c r="C26" s="191">
        <v>367464</v>
      </c>
      <c r="D26" s="191">
        <v>23</v>
      </c>
      <c r="E26" s="121">
        <v>6.68</v>
      </c>
      <c r="F26" s="191">
        <v>448374</v>
      </c>
      <c r="G26" s="191">
        <v>13</v>
      </c>
      <c r="H26" s="121">
        <v>22.02</v>
      </c>
      <c r="I26" s="118">
        <v>287245</v>
      </c>
      <c r="J26" s="118">
        <v>20</v>
      </c>
      <c r="K26" s="121">
        <v>-35.94</v>
      </c>
      <c r="L26" s="118">
        <v>0</v>
      </c>
      <c r="M26" s="118">
        <v>6</v>
      </c>
      <c r="N26" s="121" t="s">
        <v>79</v>
      </c>
      <c r="O26" s="118">
        <v>0</v>
      </c>
      <c r="P26" s="118">
        <v>3</v>
      </c>
      <c r="Q26" s="190" t="s">
        <v>79</v>
      </c>
    </row>
    <row r="27" spans="1:17" ht="19.5" customHeight="1" x14ac:dyDescent="0.15">
      <c r="A27" s="123">
        <v>22</v>
      </c>
      <c r="B27" s="122" t="s">
        <v>26</v>
      </c>
      <c r="C27" s="191">
        <v>531127</v>
      </c>
      <c r="D27" s="191">
        <v>4</v>
      </c>
      <c r="E27" s="121">
        <v>49.06</v>
      </c>
      <c r="F27" s="191">
        <v>682962</v>
      </c>
      <c r="G27" s="191">
        <v>2</v>
      </c>
      <c r="H27" s="121">
        <v>28.59</v>
      </c>
      <c r="I27" s="118">
        <v>322450</v>
      </c>
      <c r="J27" s="118">
        <v>18</v>
      </c>
      <c r="K27" s="121">
        <v>-52.79</v>
      </c>
      <c r="L27" s="118">
        <v>0</v>
      </c>
      <c r="M27" s="118">
        <v>6</v>
      </c>
      <c r="N27" s="121" t="s">
        <v>79</v>
      </c>
      <c r="O27" s="118">
        <v>0</v>
      </c>
      <c r="P27" s="118">
        <v>3</v>
      </c>
      <c r="Q27" s="190" t="s">
        <v>79</v>
      </c>
    </row>
    <row r="28" spans="1:17" ht="19.5" customHeight="1" x14ac:dyDescent="0.15">
      <c r="A28" s="123">
        <v>23</v>
      </c>
      <c r="B28" s="122" t="s">
        <v>25</v>
      </c>
      <c r="C28" s="191">
        <v>546649</v>
      </c>
      <c r="D28" s="191">
        <v>3</v>
      </c>
      <c r="E28" s="121">
        <v>44.21</v>
      </c>
      <c r="F28" s="191">
        <v>422615</v>
      </c>
      <c r="G28" s="191">
        <v>16</v>
      </c>
      <c r="H28" s="121">
        <v>-22.69</v>
      </c>
      <c r="I28" s="118">
        <v>319716</v>
      </c>
      <c r="J28" s="118">
        <v>19</v>
      </c>
      <c r="K28" s="121">
        <v>-24.35</v>
      </c>
      <c r="L28" s="118">
        <v>0</v>
      </c>
      <c r="M28" s="118">
        <v>6</v>
      </c>
      <c r="N28" s="121" t="s">
        <v>79</v>
      </c>
      <c r="O28" s="118">
        <v>0</v>
      </c>
      <c r="P28" s="118">
        <v>3</v>
      </c>
      <c r="Q28" s="190" t="s">
        <v>79</v>
      </c>
    </row>
    <row r="29" spans="1:17" ht="19.5" customHeight="1" x14ac:dyDescent="0.15">
      <c r="A29" s="123">
        <v>24</v>
      </c>
      <c r="B29" s="122" t="s">
        <v>24</v>
      </c>
      <c r="C29" s="191">
        <v>557704</v>
      </c>
      <c r="D29" s="191">
        <v>1</v>
      </c>
      <c r="E29" s="121">
        <v>7.53</v>
      </c>
      <c r="F29" s="191">
        <v>168283</v>
      </c>
      <c r="G29" s="191">
        <v>32</v>
      </c>
      <c r="H29" s="121">
        <v>-69.83</v>
      </c>
      <c r="I29" s="118">
        <v>162458</v>
      </c>
      <c r="J29" s="118">
        <v>26</v>
      </c>
      <c r="K29" s="121">
        <v>-3.46</v>
      </c>
      <c r="L29" s="118">
        <v>0</v>
      </c>
      <c r="M29" s="118">
        <v>6</v>
      </c>
      <c r="N29" s="121" t="s">
        <v>79</v>
      </c>
      <c r="O29" s="118">
        <v>0</v>
      </c>
      <c r="P29" s="118">
        <v>3</v>
      </c>
      <c r="Q29" s="190" t="s">
        <v>79</v>
      </c>
    </row>
    <row r="30" spans="1:17" ht="19.5" customHeight="1" x14ac:dyDescent="0.15">
      <c r="A30" s="123">
        <v>25</v>
      </c>
      <c r="B30" s="122" t="s">
        <v>23</v>
      </c>
      <c r="C30" s="191">
        <v>342004</v>
      </c>
      <c r="D30" s="191">
        <v>31</v>
      </c>
      <c r="E30" s="121">
        <v>23.97</v>
      </c>
      <c r="F30" s="191">
        <v>274792</v>
      </c>
      <c r="G30" s="191">
        <v>27</v>
      </c>
      <c r="H30" s="121">
        <v>-19.649999999999999</v>
      </c>
      <c r="I30" s="118">
        <v>332593</v>
      </c>
      <c r="J30" s="118">
        <v>17</v>
      </c>
      <c r="K30" s="121">
        <v>21.03</v>
      </c>
      <c r="L30" s="118">
        <v>0</v>
      </c>
      <c r="M30" s="118">
        <v>6</v>
      </c>
      <c r="N30" s="121" t="s">
        <v>79</v>
      </c>
      <c r="O30" s="118">
        <v>0</v>
      </c>
      <c r="P30" s="118">
        <v>3</v>
      </c>
      <c r="Q30" s="190" t="s">
        <v>79</v>
      </c>
    </row>
    <row r="31" spans="1:17" ht="19.5" customHeight="1" x14ac:dyDescent="0.15">
      <c r="A31" s="123">
        <v>26</v>
      </c>
      <c r="B31" s="122" t="s">
        <v>22</v>
      </c>
      <c r="C31" s="191">
        <v>346355</v>
      </c>
      <c r="D31" s="191">
        <v>30</v>
      </c>
      <c r="E31" s="121">
        <v>20.55</v>
      </c>
      <c r="F31" s="191">
        <v>449957</v>
      </c>
      <c r="G31" s="191">
        <v>12</v>
      </c>
      <c r="H31" s="121">
        <v>29.91</v>
      </c>
      <c r="I31" s="118">
        <v>130903</v>
      </c>
      <c r="J31" s="118">
        <v>27</v>
      </c>
      <c r="K31" s="121">
        <v>-70.91</v>
      </c>
      <c r="L31" s="118">
        <v>0</v>
      </c>
      <c r="M31" s="118">
        <v>6</v>
      </c>
      <c r="N31" s="121" t="s">
        <v>79</v>
      </c>
      <c r="O31" s="118">
        <v>0</v>
      </c>
      <c r="P31" s="118">
        <v>3</v>
      </c>
      <c r="Q31" s="190" t="s">
        <v>79</v>
      </c>
    </row>
    <row r="32" spans="1:17" ht="19.5" customHeight="1" x14ac:dyDescent="0.15">
      <c r="A32" s="123">
        <v>27</v>
      </c>
      <c r="B32" s="122" t="s">
        <v>21</v>
      </c>
      <c r="C32" s="191">
        <v>395925</v>
      </c>
      <c r="D32" s="191">
        <v>19</v>
      </c>
      <c r="E32" s="121">
        <v>14.73</v>
      </c>
      <c r="F32" s="191">
        <v>171710</v>
      </c>
      <c r="G32" s="191">
        <v>31</v>
      </c>
      <c r="H32" s="121">
        <v>-56.63</v>
      </c>
      <c r="I32" s="118">
        <v>43820</v>
      </c>
      <c r="J32" s="118">
        <v>31</v>
      </c>
      <c r="K32" s="121">
        <v>-74.48</v>
      </c>
      <c r="L32" s="118">
        <v>0</v>
      </c>
      <c r="M32" s="118">
        <v>6</v>
      </c>
      <c r="N32" s="121" t="s">
        <v>79</v>
      </c>
      <c r="O32" s="118">
        <v>0</v>
      </c>
      <c r="P32" s="118">
        <v>3</v>
      </c>
      <c r="Q32" s="190" t="s">
        <v>79</v>
      </c>
    </row>
    <row r="33" spans="1:51" ht="19.5" customHeight="1" x14ac:dyDescent="0.15">
      <c r="A33" s="123">
        <v>28</v>
      </c>
      <c r="B33" s="122" t="s">
        <v>20</v>
      </c>
      <c r="C33" s="191">
        <v>454993</v>
      </c>
      <c r="D33" s="191">
        <v>13</v>
      </c>
      <c r="E33" s="121">
        <v>5.05</v>
      </c>
      <c r="F33" s="191">
        <v>540890</v>
      </c>
      <c r="G33" s="191">
        <v>5</v>
      </c>
      <c r="H33" s="121">
        <v>18.88</v>
      </c>
      <c r="I33" s="118">
        <v>1651502</v>
      </c>
      <c r="J33" s="118">
        <v>1</v>
      </c>
      <c r="K33" s="121">
        <v>205.33</v>
      </c>
      <c r="L33" s="118">
        <v>0</v>
      </c>
      <c r="M33" s="118">
        <v>6</v>
      </c>
      <c r="N33" s="121" t="s">
        <v>79</v>
      </c>
      <c r="O33" s="118">
        <v>0</v>
      </c>
      <c r="P33" s="118">
        <v>3</v>
      </c>
      <c r="Q33" s="190" t="s">
        <v>79</v>
      </c>
    </row>
    <row r="34" spans="1:51" ht="19.5" customHeight="1" x14ac:dyDescent="0.15">
      <c r="A34" s="123">
        <v>29</v>
      </c>
      <c r="B34" s="122" t="s">
        <v>19</v>
      </c>
      <c r="C34" s="191">
        <v>414481</v>
      </c>
      <c r="D34" s="191">
        <v>18</v>
      </c>
      <c r="E34" s="121">
        <v>83.51</v>
      </c>
      <c r="F34" s="191">
        <v>255301</v>
      </c>
      <c r="G34" s="191">
        <v>30</v>
      </c>
      <c r="H34" s="121">
        <v>-38.4</v>
      </c>
      <c r="I34" s="118">
        <v>51382</v>
      </c>
      <c r="J34" s="118">
        <v>30</v>
      </c>
      <c r="K34" s="121">
        <v>-79.87</v>
      </c>
      <c r="L34" s="118">
        <v>0</v>
      </c>
      <c r="M34" s="118">
        <v>6</v>
      </c>
      <c r="N34" s="121" t="s">
        <v>79</v>
      </c>
      <c r="O34" s="118">
        <v>0</v>
      </c>
      <c r="P34" s="118">
        <v>3</v>
      </c>
      <c r="Q34" s="190" t="s">
        <v>79</v>
      </c>
    </row>
    <row r="35" spans="1:51" ht="19.5" customHeight="1" x14ac:dyDescent="0.15">
      <c r="A35" s="123">
        <v>30</v>
      </c>
      <c r="B35" s="122" t="s">
        <v>18</v>
      </c>
      <c r="C35" s="191">
        <v>431730</v>
      </c>
      <c r="D35" s="191">
        <v>15</v>
      </c>
      <c r="E35" s="121">
        <v>21.44</v>
      </c>
      <c r="F35" s="191">
        <v>349846</v>
      </c>
      <c r="G35" s="191">
        <v>23</v>
      </c>
      <c r="H35" s="121">
        <v>-18.97</v>
      </c>
      <c r="I35" s="118">
        <v>0</v>
      </c>
      <c r="J35" s="118">
        <v>32</v>
      </c>
      <c r="K35" s="121">
        <v>-100</v>
      </c>
      <c r="L35" s="118">
        <v>0</v>
      </c>
      <c r="M35" s="118">
        <v>6</v>
      </c>
      <c r="N35" s="121" t="s">
        <v>79</v>
      </c>
      <c r="O35" s="118">
        <v>0</v>
      </c>
      <c r="P35" s="118">
        <v>3</v>
      </c>
      <c r="Q35" s="190" t="s">
        <v>79</v>
      </c>
    </row>
    <row r="36" spans="1:51" ht="19.5" customHeight="1" x14ac:dyDescent="0.15">
      <c r="A36" s="123">
        <v>31</v>
      </c>
      <c r="B36" s="122" t="s">
        <v>17</v>
      </c>
      <c r="C36" s="191">
        <v>358112</v>
      </c>
      <c r="D36" s="191">
        <v>27</v>
      </c>
      <c r="E36" s="121">
        <v>-16.010000000000002</v>
      </c>
      <c r="F36" s="191">
        <v>260074</v>
      </c>
      <c r="G36" s="191">
        <v>29</v>
      </c>
      <c r="H36" s="121">
        <v>-27.38</v>
      </c>
      <c r="I36" s="118">
        <v>183073</v>
      </c>
      <c r="J36" s="118">
        <v>25</v>
      </c>
      <c r="K36" s="121">
        <v>-29.61</v>
      </c>
      <c r="L36" s="118">
        <v>0</v>
      </c>
      <c r="M36" s="118">
        <v>6</v>
      </c>
      <c r="N36" s="121" t="s">
        <v>79</v>
      </c>
      <c r="O36" s="118">
        <v>0</v>
      </c>
      <c r="P36" s="118">
        <v>3</v>
      </c>
      <c r="Q36" s="190" t="s">
        <v>79</v>
      </c>
    </row>
    <row r="37" spans="1:51" ht="19.5" customHeight="1" x14ac:dyDescent="0.15">
      <c r="A37" s="123">
        <v>32</v>
      </c>
      <c r="B37" s="122" t="s">
        <v>16</v>
      </c>
      <c r="C37" s="191">
        <v>459120</v>
      </c>
      <c r="D37" s="191">
        <v>10</v>
      </c>
      <c r="E37" s="121">
        <v>7.86</v>
      </c>
      <c r="F37" s="191">
        <v>627051</v>
      </c>
      <c r="G37" s="191">
        <v>4</v>
      </c>
      <c r="H37" s="121">
        <v>36.58</v>
      </c>
      <c r="I37" s="118">
        <v>117219</v>
      </c>
      <c r="J37" s="118">
        <v>29</v>
      </c>
      <c r="K37" s="121">
        <v>-81.31</v>
      </c>
      <c r="L37" s="118">
        <v>0</v>
      </c>
      <c r="M37" s="118">
        <v>6</v>
      </c>
      <c r="N37" s="121" t="s">
        <v>79</v>
      </c>
      <c r="O37" s="118">
        <v>0</v>
      </c>
      <c r="P37" s="118">
        <v>3</v>
      </c>
      <c r="Q37" s="190" t="s">
        <v>79</v>
      </c>
    </row>
    <row r="38" spans="1:51" ht="19.5" customHeight="1" thickBot="1" x14ac:dyDescent="0.2">
      <c r="A38" s="116">
        <v>33</v>
      </c>
      <c r="B38" s="115" t="s">
        <v>15</v>
      </c>
      <c r="C38" s="189">
        <v>208420</v>
      </c>
      <c r="D38" s="189">
        <v>33</v>
      </c>
      <c r="E38" s="114">
        <v>-4.47</v>
      </c>
      <c r="F38" s="189">
        <v>0</v>
      </c>
      <c r="G38" s="189">
        <v>33</v>
      </c>
      <c r="H38" s="114">
        <v>-100</v>
      </c>
      <c r="I38" s="110">
        <v>0</v>
      </c>
      <c r="J38" s="110">
        <v>32</v>
      </c>
      <c r="K38" s="114" t="s">
        <v>79</v>
      </c>
      <c r="L38" s="110">
        <v>0</v>
      </c>
      <c r="M38" s="110">
        <v>6</v>
      </c>
      <c r="N38" s="173" t="s">
        <v>79</v>
      </c>
      <c r="O38" s="110">
        <v>0</v>
      </c>
      <c r="P38" s="110">
        <v>3</v>
      </c>
      <c r="Q38" s="188" t="s">
        <v>79</v>
      </c>
    </row>
    <row r="39" spans="1:51" ht="19.5" hidden="1" customHeight="1" thickTop="1" thickBot="1" x14ac:dyDescent="0.2">
      <c r="A39" s="137">
        <v>34</v>
      </c>
      <c r="B39" s="136" t="s">
        <v>106</v>
      </c>
      <c r="C39" s="169"/>
      <c r="D39" s="169"/>
      <c r="E39" s="187"/>
      <c r="F39" s="169"/>
      <c r="G39" s="169"/>
      <c r="H39" s="187"/>
      <c r="I39" s="106"/>
      <c r="J39" s="106"/>
      <c r="K39" s="105"/>
      <c r="L39" s="106"/>
      <c r="M39" s="106"/>
      <c r="N39" s="105"/>
      <c r="O39" s="153"/>
      <c r="P39" s="153"/>
      <c r="Q39" s="186"/>
    </row>
    <row r="40" spans="1:51" ht="19.5" hidden="1" customHeight="1" thickTop="1" thickBot="1" x14ac:dyDescent="0.2">
      <c r="A40" s="137">
        <v>35</v>
      </c>
      <c r="B40" s="136" t="s">
        <v>105</v>
      </c>
      <c r="C40" s="169"/>
      <c r="D40" s="169"/>
      <c r="E40" s="187"/>
      <c r="F40" s="169"/>
      <c r="G40" s="169"/>
      <c r="H40" s="187"/>
      <c r="I40" s="106"/>
      <c r="J40" s="106"/>
      <c r="K40" s="105"/>
      <c r="L40" s="106"/>
      <c r="M40" s="106"/>
      <c r="N40" s="105"/>
      <c r="O40" s="153"/>
      <c r="P40" s="153"/>
      <c r="Q40" s="186"/>
    </row>
    <row r="41" spans="1:51" ht="19.5" hidden="1" customHeight="1" thickTop="1" thickBot="1" x14ac:dyDescent="0.2">
      <c r="A41" s="137">
        <v>36</v>
      </c>
      <c r="B41" s="136" t="s">
        <v>104</v>
      </c>
      <c r="C41" s="169"/>
      <c r="D41" s="169"/>
      <c r="E41" s="187"/>
      <c r="F41" s="169"/>
      <c r="G41" s="169"/>
      <c r="H41" s="187"/>
      <c r="I41" s="106"/>
      <c r="J41" s="106"/>
      <c r="K41" s="105"/>
      <c r="L41" s="106"/>
      <c r="M41" s="106"/>
      <c r="N41" s="105"/>
      <c r="O41" s="153"/>
      <c r="P41" s="153"/>
      <c r="Q41" s="186"/>
    </row>
    <row r="42" spans="1:51" ht="19.5" hidden="1" customHeight="1" thickTop="1" thickBot="1" x14ac:dyDescent="0.2">
      <c r="A42" s="137">
        <v>37</v>
      </c>
      <c r="B42" s="136" t="s">
        <v>103</v>
      </c>
      <c r="C42" s="169"/>
      <c r="D42" s="169"/>
      <c r="E42" s="187"/>
      <c r="F42" s="169"/>
      <c r="G42" s="169"/>
      <c r="H42" s="187"/>
      <c r="I42" s="106"/>
      <c r="J42" s="106"/>
      <c r="K42" s="105"/>
      <c r="L42" s="106"/>
      <c r="M42" s="106"/>
      <c r="N42" s="105"/>
      <c r="O42" s="153"/>
      <c r="P42" s="153"/>
      <c r="Q42" s="186"/>
    </row>
    <row r="43" spans="1:51" ht="19.5" customHeight="1" thickTop="1" x14ac:dyDescent="0.15">
      <c r="A43" s="131">
        <v>301</v>
      </c>
      <c r="B43" s="130" t="s">
        <v>102</v>
      </c>
      <c r="C43" s="185" t="s">
        <v>79</v>
      </c>
      <c r="D43" s="185" t="s">
        <v>79</v>
      </c>
      <c r="E43" s="184" t="s">
        <v>79</v>
      </c>
      <c r="F43" s="185" t="s">
        <v>79</v>
      </c>
      <c r="G43" s="185" t="s">
        <v>79</v>
      </c>
      <c r="H43" s="184" t="s">
        <v>79</v>
      </c>
      <c r="I43" s="182" t="s">
        <v>79</v>
      </c>
      <c r="J43" s="182" t="s">
        <v>79</v>
      </c>
      <c r="K43" s="183" t="s">
        <v>79</v>
      </c>
      <c r="L43" s="182" t="s">
        <v>79</v>
      </c>
      <c r="M43" s="182" t="s">
        <v>79</v>
      </c>
      <c r="N43" s="183" t="s">
        <v>79</v>
      </c>
      <c r="O43" s="182" t="s">
        <v>79</v>
      </c>
      <c r="P43" s="182" t="s">
        <v>79</v>
      </c>
      <c r="Q43" s="181" t="s">
        <v>79</v>
      </c>
      <c r="R43" s="327"/>
      <c r="S43" s="327"/>
      <c r="T43" s="327"/>
      <c r="U43" s="327"/>
      <c r="V43" s="327"/>
      <c r="W43" s="327"/>
      <c r="X43" s="327"/>
      <c r="Y43" s="327"/>
      <c r="Z43" s="327"/>
      <c r="AA43" s="327"/>
      <c r="AB43" s="327"/>
      <c r="AC43" s="327"/>
      <c r="AD43" s="327"/>
      <c r="AE43" s="327"/>
      <c r="AF43" s="327"/>
      <c r="AG43" s="327"/>
      <c r="AH43" s="327"/>
      <c r="AI43" s="327"/>
      <c r="AJ43" s="327"/>
      <c r="AK43" s="327"/>
    </row>
    <row r="44" spans="1:51" ht="19.5" customHeight="1" x14ac:dyDescent="0.15">
      <c r="A44" s="123">
        <v>302</v>
      </c>
      <c r="B44" s="122" t="s">
        <v>101</v>
      </c>
      <c r="C44" s="180" t="s">
        <v>79</v>
      </c>
      <c r="D44" s="180" t="s">
        <v>79</v>
      </c>
      <c r="E44" s="179" t="s">
        <v>79</v>
      </c>
      <c r="F44" s="180" t="s">
        <v>79</v>
      </c>
      <c r="G44" s="180" t="s">
        <v>79</v>
      </c>
      <c r="H44" s="179" t="s">
        <v>79</v>
      </c>
      <c r="I44" s="177" t="s">
        <v>79</v>
      </c>
      <c r="J44" s="177" t="s">
        <v>79</v>
      </c>
      <c r="K44" s="178" t="s">
        <v>79</v>
      </c>
      <c r="L44" s="177" t="s">
        <v>79</v>
      </c>
      <c r="M44" s="177" t="s">
        <v>79</v>
      </c>
      <c r="N44" s="178" t="s">
        <v>79</v>
      </c>
      <c r="O44" s="177" t="s">
        <v>79</v>
      </c>
      <c r="P44" s="177" t="s">
        <v>79</v>
      </c>
      <c r="Q44" s="176" t="s">
        <v>79</v>
      </c>
      <c r="R44" s="327"/>
      <c r="S44" s="327"/>
      <c r="T44" s="327"/>
      <c r="U44" s="327"/>
      <c r="V44" s="327"/>
      <c r="W44" s="327"/>
      <c r="X44" s="327"/>
      <c r="Y44" s="327"/>
      <c r="Z44" s="327"/>
      <c r="AA44" s="327"/>
      <c r="AB44" s="327"/>
      <c r="AC44" s="327"/>
      <c r="AD44" s="327"/>
      <c r="AE44" s="327"/>
      <c r="AF44" s="327"/>
      <c r="AG44" s="327"/>
      <c r="AH44" s="327"/>
      <c r="AI44" s="327"/>
      <c r="AJ44" s="327"/>
      <c r="AK44" s="327"/>
    </row>
    <row r="45" spans="1:51" ht="19.5" customHeight="1" x14ac:dyDescent="0.15">
      <c r="A45" s="123">
        <v>303</v>
      </c>
      <c r="B45" s="122" t="s">
        <v>100</v>
      </c>
      <c r="C45" s="180" t="s">
        <v>79</v>
      </c>
      <c r="D45" s="180" t="s">
        <v>79</v>
      </c>
      <c r="E45" s="179" t="s">
        <v>79</v>
      </c>
      <c r="F45" s="180" t="s">
        <v>79</v>
      </c>
      <c r="G45" s="180" t="s">
        <v>79</v>
      </c>
      <c r="H45" s="179" t="s">
        <v>79</v>
      </c>
      <c r="I45" s="177" t="s">
        <v>79</v>
      </c>
      <c r="J45" s="177" t="s">
        <v>79</v>
      </c>
      <c r="K45" s="178" t="s">
        <v>79</v>
      </c>
      <c r="L45" s="177" t="s">
        <v>79</v>
      </c>
      <c r="M45" s="177" t="s">
        <v>79</v>
      </c>
      <c r="N45" s="178" t="s">
        <v>79</v>
      </c>
      <c r="O45" s="177" t="s">
        <v>79</v>
      </c>
      <c r="P45" s="177" t="s">
        <v>79</v>
      </c>
      <c r="Q45" s="176" t="s">
        <v>79</v>
      </c>
      <c r="R45" s="327"/>
      <c r="S45" s="327"/>
      <c r="T45" s="327"/>
      <c r="U45" s="327"/>
      <c r="V45" s="327"/>
      <c r="W45" s="327"/>
      <c r="X45" s="327"/>
      <c r="Y45" s="327"/>
      <c r="Z45" s="327"/>
      <c r="AA45" s="327"/>
      <c r="AB45" s="327"/>
      <c r="AC45" s="327"/>
      <c r="AD45" s="327"/>
      <c r="AE45" s="327"/>
      <c r="AF45" s="327"/>
      <c r="AG45" s="327"/>
      <c r="AH45" s="327"/>
      <c r="AI45" s="327"/>
      <c r="AJ45" s="327"/>
      <c r="AK45" s="327"/>
    </row>
    <row r="46" spans="1:51" ht="19.5" customHeight="1" x14ac:dyDescent="0.15">
      <c r="A46" s="123">
        <v>304</v>
      </c>
      <c r="B46" s="122" t="s">
        <v>99</v>
      </c>
      <c r="C46" s="180" t="s">
        <v>79</v>
      </c>
      <c r="D46" s="180" t="s">
        <v>79</v>
      </c>
      <c r="E46" s="179" t="s">
        <v>79</v>
      </c>
      <c r="F46" s="180" t="s">
        <v>79</v>
      </c>
      <c r="G46" s="180" t="s">
        <v>79</v>
      </c>
      <c r="H46" s="179" t="s">
        <v>79</v>
      </c>
      <c r="I46" s="177" t="s">
        <v>79</v>
      </c>
      <c r="J46" s="177" t="s">
        <v>79</v>
      </c>
      <c r="K46" s="178" t="s">
        <v>79</v>
      </c>
      <c r="L46" s="177" t="s">
        <v>79</v>
      </c>
      <c r="M46" s="177" t="s">
        <v>79</v>
      </c>
      <c r="N46" s="178" t="s">
        <v>79</v>
      </c>
      <c r="O46" s="177" t="s">
        <v>79</v>
      </c>
      <c r="P46" s="177" t="s">
        <v>79</v>
      </c>
      <c r="Q46" s="176" t="s">
        <v>79</v>
      </c>
      <c r="R46" s="327"/>
      <c r="S46" s="327"/>
      <c r="T46" s="327"/>
      <c r="U46" s="327"/>
      <c r="V46" s="327"/>
      <c r="W46" s="327"/>
      <c r="X46" s="327"/>
      <c r="Y46" s="327"/>
      <c r="Z46" s="327"/>
      <c r="AA46" s="327"/>
      <c r="AB46" s="327"/>
      <c r="AC46" s="327"/>
      <c r="AD46" s="327"/>
      <c r="AE46" s="327"/>
      <c r="AF46" s="327"/>
      <c r="AG46" s="327"/>
      <c r="AH46" s="327"/>
      <c r="AI46" s="327"/>
      <c r="AJ46" s="327"/>
      <c r="AK46" s="327"/>
    </row>
    <row r="47" spans="1:51" ht="19.5" customHeight="1" x14ac:dyDescent="0.15">
      <c r="A47" s="123">
        <v>305</v>
      </c>
      <c r="B47" s="122" t="s">
        <v>98</v>
      </c>
      <c r="C47" s="180" t="s">
        <v>79</v>
      </c>
      <c r="D47" s="180" t="s">
        <v>79</v>
      </c>
      <c r="E47" s="179" t="s">
        <v>79</v>
      </c>
      <c r="F47" s="180" t="s">
        <v>79</v>
      </c>
      <c r="G47" s="180" t="s">
        <v>79</v>
      </c>
      <c r="H47" s="179" t="s">
        <v>79</v>
      </c>
      <c r="I47" s="177" t="s">
        <v>79</v>
      </c>
      <c r="J47" s="177" t="s">
        <v>79</v>
      </c>
      <c r="K47" s="178" t="s">
        <v>79</v>
      </c>
      <c r="L47" s="177" t="s">
        <v>79</v>
      </c>
      <c r="M47" s="177" t="s">
        <v>79</v>
      </c>
      <c r="N47" s="178" t="s">
        <v>79</v>
      </c>
      <c r="O47" s="177" t="s">
        <v>79</v>
      </c>
      <c r="P47" s="177" t="s">
        <v>79</v>
      </c>
      <c r="Q47" s="176" t="s">
        <v>79</v>
      </c>
      <c r="R47" s="327"/>
      <c r="S47" s="327"/>
      <c r="T47" s="327"/>
      <c r="U47" s="327"/>
      <c r="V47" s="327"/>
      <c r="W47" s="327"/>
      <c r="X47" s="327"/>
      <c r="Y47" s="327"/>
      <c r="Z47" s="327"/>
      <c r="AA47" s="327"/>
      <c r="AB47" s="327"/>
      <c r="AC47" s="327"/>
      <c r="AD47" s="327"/>
      <c r="AE47" s="327"/>
      <c r="AF47" s="327"/>
      <c r="AG47" s="327"/>
      <c r="AH47" s="327"/>
      <c r="AI47" s="327"/>
      <c r="AJ47" s="327"/>
      <c r="AK47" s="327"/>
    </row>
    <row r="48" spans="1:51" ht="19.5" customHeight="1" thickBot="1" x14ac:dyDescent="0.2">
      <c r="A48" s="116">
        <v>306</v>
      </c>
      <c r="B48" s="115" t="s">
        <v>97</v>
      </c>
      <c r="C48" s="175" t="s">
        <v>79</v>
      </c>
      <c r="D48" s="175" t="s">
        <v>79</v>
      </c>
      <c r="E48" s="174" t="s">
        <v>79</v>
      </c>
      <c r="F48" s="175" t="s">
        <v>79</v>
      </c>
      <c r="G48" s="175" t="s">
        <v>79</v>
      </c>
      <c r="H48" s="174" t="s">
        <v>79</v>
      </c>
      <c r="I48" s="172" t="s">
        <v>79</v>
      </c>
      <c r="J48" s="172" t="s">
        <v>79</v>
      </c>
      <c r="K48" s="173" t="s">
        <v>79</v>
      </c>
      <c r="L48" s="172" t="s">
        <v>79</v>
      </c>
      <c r="M48" s="172" t="s">
        <v>79</v>
      </c>
      <c r="N48" s="173" t="s">
        <v>79</v>
      </c>
      <c r="O48" s="172" t="s">
        <v>79</v>
      </c>
      <c r="P48" s="172" t="s">
        <v>79</v>
      </c>
      <c r="Q48" s="171" t="s">
        <v>79</v>
      </c>
      <c r="R48" s="327"/>
      <c r="S48" s="327"/>
      <c r="T48" s="327"/>
      <c r="U48" s="327"/>
      <c r="V48" s="327"/>
      <c r="W48" s="327"/>
      <c r="X48" s="327"/>
      <c r="Y48" s="327"/>
      <c r="Z48" s="327"/>
      <c r="AA48" s="327"/>
      <c r="AB48" s="327"/>
      <c r="AC48" s="327"/>
      <c r="AD48" s="327"/>
      <c r="AE48" s="327"/>
      <c r="AF48" s="327"/>
      <c r="AG48" s="327"/>
      <c r="AH48" s="327"/>
      <c r="AI48" s="327"/>
      <c r="AJ48" s="327"/>
      <c r="AK48" s="327"/>
      <c r="AL48" s="327"/>
      <c r="AM48" s="327"/>
      <c r="AN48" s="327"/>
      <c r="AO48" s="327"/>
      <c r="AP48" s="327"/>
      <c r="AQ48" s="327"/>
      <c r="AR48" s="327"/>
      <c r="AS48" s="327"/>
      <c r="AT48" s="327"/>
      <c r="AU48" s="327"/>
      <c r="AV48" s="327"/>
      <c r="AW48" s="327"/>
      <c r="AX48" s="327"/>
      <c r="AY48" s="327"/>
    </row>
    <row r="49" spans="1:35" ht="19.5" customHeight="1" thickTop="1" thickBot="1" x14ac:dyDescent="0.2">
      <c r="A49" s="373" t="s">
        <v>3</v>
      </c>
      <c r="B49" s="374"/>
      <c r="C49" s="170">
        <v>433873</v>
      </c>
      <c r="D49" s="169"/>
      <c r="E49" s="108">
        <v>5.88</v>
      </c>
      <c r="F49" s="170">
        <v>483345</v>
      </c>
      <c r="G49" s="169"/>
      <c r="H49" s="105">
        <v>11.4</v>
      </c>
      <c r="I49" s="106">
        <v>506393</v>
      </c>
      <c r="J49" s="106"/>
      <c r="K49" s="105">
        <v>4.7699999999999996</v>
      </c>
      <c r="L49" s="106">
        <v>2512097</v>
      </c>
      <c r="M49" s="106"/>
      <c r="N49" s="105">
        <v>396.08</v>
      </c>
      <c r="O49" s="100">
        <v>3633470</v>
      </c>
      <c r="P49" s="153" t="s">
        <v>79</v>
      </c>
      <c r="Q49" s="168">
        <v>44.64</v>
      </c>
    </row>
    <row r="50" spans="1:35" ht="19.5" customHeight="1" thickTop="1" thickBot="1" x14ac:dyDescent="0.2">
      <c r="A50" s="373" t="s">
        <v>122</v>
      </c>
      <c r="B50" s="374"/>
      <c r="C50" s="167" t="s">
        <v>79</v>
      </c>
      <c r="D50" s="167"/>
      <c r="E50" s="166" t="s">
        <v>79</v>
      </c>
      <c r="F50" s="167" t="s">
        <v>79</v>
      </c>
      <c r="G50" s="167"/>
      <c r="H50" s="166" t="s">
        <v>79</v>
      </c>
      <c r="I50" s="164" t="s">
        <v>79</v>
      </c>
      <c r="J50" s="164"/>
      <c r="K50" s="165" t="s">
        <v>79</v>
      </c>
      <c r="L50" s="164" t="s">
        <v>79</v>
      </c>
      <c r="M50" s="164"/>
      <c r="N50" s="165" t="s">
        <v>79</v>
      </c>
      <c r="O50" s="164" t="s">
        <v>79</v>
      </c>
      <c r="P50" s="164" t="s">
        <v>79</v>
      </c>
      <c r="Q50" s="163" t="s">
        <v>79</v>
      </c>
      <c r="R50" s="327"/>
      <c r="S50" s="327"/>
      <c r="T50" s="327"/>
      <c r="U50" s="327"/>
      <c r="V50" s="327"/>
      <c r="W50" s="327"/>
      <c r="X50" s="327"/>
      <c r="Y50" s="327"/>
      <c r="Z50" s="327"/>
      <c r="AA50" s="327"/>
      <c r="AB50" s="327"/>
      <c r="AC50" s="327"/>
      <c r="AD50" s="327"/>
      <c r="AE50" s="327"/>
      <c r="AF50" s="327"/>
      <c r="AG50" s="327"/>
      <c r="AH50" s="327"/>
      <c r="AI50" s="327"/>
    </row>
    <row r="51" spans="1:35" ht="19.5" customHeight="1" thickTop="1" thickBot="1" x14ac:dyDescent="0.2">
      <c r="A51" s="364" t="s">
        <v>119</v>
      </c>
      <c r="B51" s="365"/>
      <c r="C51" s="162">
        <v>433873</v>
      </c>
      <c r="D51" s="161"/>
      <c r="E51" s="98">
        <v>5.88</v>
      </c>
      <c r="F51" s="162">
        <v>483345</v>
      </c>
      <c r="G51" s="161"/>
      <c r="H51" s="95">
        <v>11.4</v>
      </c>
      <c r="I51" s="96">
        <v>506393</v>
      </c>
      <c r="J51" s="96"/>
      <c r="K51" s="95">
        <v>4.7699999999999996</v>
      </c>
      <c r="L51" s="96">
        <v>2512097</v>
      </c>
      <c r="M51" s="96"/>
      <c r="N51" s="95">
        <v>396.08</v>
      </c>
      <c r="O51" s="90">
        <v>3633470</v>
      </c>
      <c r="P51" s="152" t="s">
        <v>79</v>
      </c>
      <c r="Q51" s="160">
        <v>44.64</v>
      </c>
    </row>
  </sheetData>
  <mergeCells count="9">
    <mergeCell ref="A51:B51"/>
    <mergeCell ref="A49:B49"/>
    <mergeCell ref="A3:B5"/>
    <mergeCell ref="O3:Q3"/>
    <mergeCell ref="A50:B50"/>
    <mergeCell ref="C3:E3"/>
    <mergeCell ref="L3:N3"/>
    <mergeCell ref="F3:H3"/>
    <mergeCell ref="I3:K3"/>
  </mergeCells>
  <phoneticPr fontId="3"/>
  <printOptions horizontalCentered="1" gridLinesSet="0"/>
  <pageMargins left="0.59055118110236227" right="0.59055118110236227" top="0.59055118110236227" bottom="0.59055118110236227" header="0.51181102362204722" footer="0.19685039370078741"/>
  <pageSetup paperSize="9" scale="85" orientation="portrait" blackAndWhite="1" r:id="rId1"/>
  <headerFooter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transitionEntry="1"/>
  <dimension ref="A1:Q48"/>
  <sheetViews>
    <sheetView zoomScaleNormal="100" zoomScaleSheetLayoutView="100" workbookViewId="0">
      <selection activeCell="V45" sqref="V45"/>
    </sheetView>
  </sheetViews>
  <sheetFormatPr defaultColWidth="9" defaultRowHeight="11.25" x14ac:dyDescent="0.15"/>
  <cols>
    <col min="1" max="1" width="3.625" style="150" customWidth="1"/>
    <col min="2" max="2" width="10" style="150" customWidth="1"/>
    <col min="3" max="3" width="8.125" style="150" customWidth="1"/>
    <col min="4" max="4" width="3.125" style="150" customWidth="1"/>
    <col min="5" max="5" width="6.125" style="150" customWidth="1"/>
    <col min="6" max="6" width="8.125" style="150" customWidth="1"/>
    <col min="7" max="7" width="3.125" style="150" customWidth="1"/>
    <col min="8" max="8" width="6.125" style="150" customWidth="1"/>
    <col min="9" max="9" width="8.125" style="150" customWidth="1"/>
    <col min="10" max="10" width="3.125" style="150" customWidth="1"/>
    <col min="11" max="11" width="6.125" style="150" customWidth="1"/>
    <col min="12" max="12" width="8.125" style="150" customWidth="1"/>
    <col min="13" max="13" width="3.125" style="150" customWidth="1"/>
    <col min="14" max="14" width="6.125" style="150" customWidth="1"/>
    <col min="15" max="15" width="8.125" style="150" customWidth="1"/>
    <col min="16" max="16" width="3.125" style="150" customWidth="1"/>
    <col min="17" max="17" width="6.125" style="150" customWidth="1"/>
    <col min="18" max="16384" width="9" style="150"/>
  </cols>
  <sheetData>
    <row r="1" spans="1:17" ht="16.5" customHeight="1" x14ac:dyDescent="0.15">
      <c r="A1" s="151" t="s">
        <v>126</v>
      </c>
      <c r="O1" s="192"/>
    </row>
    <row r="2" spans="1:17" ht="10.5" customHeight="1" thickBot="1" x14ac:dyDescent="0.2">
      <c r="O2" s="159"/>
    </row>
    <row r="3" spans="1:17" ht="15" customHeight="1" x14ac:dyDescent="0.15">
      <c r="A3" s="366" t="s">
        <v>57</v>
      </c>
      <c r="B3" s="367"/>
      <c r="C3" s="371" t="s">
        <v>118</v>
      </c>
      <c r="D3" s="371"/>
      <c r="E3" s="371"/>
      <c r="F3" s="371" t="s">
        <v>117</v>
      </c>
      <c r="G3" s="375"/>
      <c r="H3" s="375"/>
      <c r="I3" s="371" t="s">
        <v>116</v>
      </c>
      <c r="J3" s="371"/>
      <c r="K3" s="371"/>
      <c r="L3" s="371" t="s">
        <v>188</v>
      </c>
      <c r="M3" s="375"/>
      <c r="N3" s="379"/>
      <c r="O3" s="371" t="s">
        <v>189</v>
      </c>
      <c r="P3" s="375"/>
      <c r="Q3" s="376"/>
    </row>
    <row r="4" spans="1:17" ht="12.75" customHeight="1" x14ac:dyDescent="0.15">
      <c r="A4" s="368"/>
      <c r="B4" s="369"/>
      <c r="C4" s="147" t="s">
        <v>112</v>
      </c>
      <c r="D4" s="145" t="s">
        <v>111</v>
      </c>
      <c r="E4" s="147" t="s">
        <v>115</v>
      </c>
      <c r="F4" s="148" t="s">
        <v>112</v>
      </c>
      <c r="G4" s="145" t="s">
        <v>111</v>
      </c>
      <c r="H4" s="147" t="s">
        <v>114</v>
      </c>
      <c r="I4" s="148" t="s">
        <v>112</v>
      </c>
      <c r="J4" s="145" t="s">
        <v>111</v>
      </c>
      <c r="K4" s="148" t="s">
        <v>113</v>
      </c>
      <c r="L4" s="148" t="s">
        <v>112</v>
      </c>
      <c r="M4" s="145" t="s">
        <v>111</v>
      </c>
      <c r="N4" s="158" t="s">
        <v>110</v>
      </c>
      <c r="O4" s="148" t="s">
        <v>112</v>
      </c>
      <c r="P4" s="145" t="s">
        <v>111</v>
      </c>
      <c r="Q4" s="144" t="s">
        <v>190</v>
      </c>
    </row>
    <row r="5" spans="1:17" s="324" customFormat="1" ht="12.75" customHeight="1" x14ac:dyDescent="0.15">
      <c r="A5" s="368"/>
      <c r="B5" s="369"/>
      <c r="C5" s="141" t="s">
        <v>108</v>
      </c>
      <c r="D5" s="140" t="s">
        <v>107</v>
      </c>
      <c r="E5" s="141" t="s">
        <v>109</v>
      </c>
      <c r="F5" s="141" t="s">
        <v>108</v>
      </c>
      <c r="G5" s="140" t="s">
        <v>107</v>
      </c>
      <c r="H5" s="141" t="s">
        <v>109</v>
      </c>
      <c r="I5" s="141" t="s">
        <v>108</v>
      </c>
      <c r="J5" s="140" t="s">
        <v>107</v>
      </c>
      <c r="K5" s="141" t="s">
        <v>109</v>
      </c>
      <c r="L5" s="141" t="s">
        <v>108</v>
      </c>
      <c r="M5" s="140" t="s">
        <v>107</v>
      </c>
      <c r="N5" s="157" t="s">
        <v>109</v>
      </c>
      <c r="O5" s="141" t="s">
        <v>108</v>
      </c>
      <c r="P5" s="140" t="s">
        <v>107</v>
      </c>
      <c r="Q5" s="156" t="s">
        <v>109</v>
      </c>
    </row>
    <row r="6" spans="1:17" ht="19.5" customHeight="1" x14ac:dyDescent="0.15">
      <c r="A6" s="138">
        <v>1</v>
      </c>
      <c r="B6" s="122" t="s">
        <v>47</v>
      </c>
      <c r="C6" s="202">
        <v>523793</v>
      </c>
      <c r="D6" s="202">
        <v>8</v>
      </c>
      <c r="E6" s="201">
        <v>1.68</v>
      </c>
      <c r="F6" s="202">
        <v>525933</v>
      </c>
      <c r="G6" s="202">
        <v>6</v>
      </c>
      <c r="H6" s="201">
        <v>0.41</v>
      </c>
      <c r="I6" s="118">
        <v>535153</v>
      </c>
      <c r="J6" s="118">
        <v>9</v>
      </c>
      <c r="K6" s="121">
        <v>1.75</v>
      </c>
      <c r="L6" s="118">
        <v>514923</v>
      </c>
      <c r="M6" s="118">
        <v>8</v>
      </c>
      <c r="N6" s="121">
        <v>-3.78</v>
      </c>
      <c r="O6" s="118">
        <v>549042</v>
      </c>
      <c r="P6" s="118">
        <v>7</v>
      </c>
      <c r="Q6" s="200">
        <v>6.63</v>
      </c>
    </row>
    <row r="7" spans="1:17" ht="19.5" customHeight="1" x14ac:dyDescent="0.15">
      <c r="A7" s="123">
        <v>2</v>
      </c>
      <c r="B7" s="122" t="s">
        <v>46</v>
      </c>
      <c r="C7" s="202">
        <v>546933</v>
      </c>
      <c r="D7" s="202">
        <v>2</v>
      </c>
      <c r="E7" s="201">
        <v>7.0000000000000007E-2</v>
      </c>
      <c r="F7" s="202">
        <v>546567</v>
      </c>
      <c r="G7" s="202">
        <v>1</v>
      </c>
      <c r="H7" s="201">
        <v>-7.0000000000000007E-2</v>
      </c>
      <c r="I7" s="118">
        <v>557041</v>
      </c>
      <c r="J7" s="118">
        <v>1</v>
      </c>
      <c r="K7" s="121">
        <v>1.92</v>
      </c>
      <c r="L7" s="118">
        <v>540112</v>
      </c>
      <c r="M7" s="118">
        <v>2</v>
      </c>
      <c r="N7" s="121">
        <v>-3.04</v>
      </c>
      <c r="O7" s="118">
        <v>577587</v>
      </c>
      <c r="P7" s="118">
        <v>2</v>
      </c>
      <c r="Q7" s="200">
        <v>6.94</v>
      </c>
    </row>
    <row r="8" spans="1:17" ht="19.5" customHeight="1" x14ac:dyDescent="0.15">
      <c r="A8" s="123">
        <v>3</v>
      </c>
      <c r="B8" s="122" t="s">
        <v>45</v>
      </c>
      <c r="C8" s="202">
        <v>531374</v>
      </c>
      <c r="D8" s="202">
        <v>5</v>
      </c>
      <c r="E8" s="201">
        <v>0.97</v>
      </c>
      <c r="F8" s="202">
        <v>536577</v>
      </c>
      <c r="G8" s="202">
        <v>3</v>
      </c>
      <c r="H8" s="201">
        <v>0.98</v>
      </c>
      <c r="I8" s="118">
        <v>546279</v>
      </c>
      <c r="J8" s="118">
        <v>4</v>
      </c>
      <c r="K8" s="121">
        <v>1.81</v>
      </c>
      <c r="L8" s="118">
        <v>521157</v>
      </c>
      <c r="M8" s="118">
        <v>5</v>
      </c>
      <c r="N8" s="121">
        <v>-4.5999999999999996</v>
      </c>
      <c r="O8" s="118">
        <v>544386</v>
      </c>
      <c r="P8" s="118">
        <v>8</v>
      </c>
      <c r="Q8" s="200">
        <v>4.46</v>
      </c>
    </row>
    <row r="9" spans="1:17" ht="19.5" customHeight="1" x14ac:dyDescent="0.15">
      <c r="A9" s="123">
        <v>4</v>
      </c>
      <c r="B9" s="122" t="s">
        <v>44</v>
      </c>
      <c r="C9" s="202">
        <v>506448</v>
      </c>
      <c r="D9" s="202">
        <v>14</v>
      </c>
      <c r="E9" s="201">
        <v>2.48</v>
      </c>
      <c r="F9" s="202">
        <v>506238</v>
      </c>
      <c r="G9" s="202">
        <v>15</v>
      </c>
      <c r="H9" s="201">
        <v>-0.04</v>
      </c>
      <c r="I9" s="118">
        <v>510392</v>
      </c>
      <c r="J9" s="118">
        <v>19</v>
      </c>
      <c r="K9" s="121">
        <v>0.82</v>
      </c>
      <c r="L9" s="118">
        <v>482677</v>
      </c>
      <c r="M9" s="118">
        <v>20</v>
      </c>
      <c r="N9" s="121">
        <v>-5.43</v>
      </c>
      <c r="O9" s="118">
        <v>517704</v>
      </c>
      <c r="P9" s="118">
        <v>18</v>
      </c>
      <c r="Q9" s="200">
        <v>7.26</v>
      </c>
    </row>
    <row r="10" spans="1:17" ht="19.5" customHeight="1" x14ac:dyDescent="0.15">
      <c r="A10" s="123">
        <v>5</v>
      </c>
      <c r="B10" s="122" t="s">
        <v>43</v>
      </c>
      <c r="C10" s="202">
        <v>482769</v>
      </c>
      <c r="D10" s="202">
        <v>28</v>
      </c>
      <c r="E10" s="201">
        <v>-0.15</v>
      </c>
      <c r="F10" s="202">
        <v>486445</v>
      </c>
      <c r="G10" s="202">
        <v>23</v>
      </c>
      <c r="H10" s="201">
        <v>0.76</v>
      </c>
      <c r="I10" s="118">
        <v>500833</v>
      </c>
      <c r="J10" s="118">
        <v>26</v>
      </c>
      <c r="K10" s="121">
        <v>2.96</v>
      </c>
      <c r="L10" s="118">
        <v>474091</v>
      </c>
      <c r="M10" s="118">
        <v>24</v>
      </c>
      <c r="N10" s="121">
        <v>-5.34</v>
      </c>
      <c r="O10" s="118">
        <v>499493</v>
      </c>
      <c r="P10" s="118">
        <v>26</v>
      </c>
      <c r="Q10" s="200">
        <v>5.36</v>
      </c>
    </row>
    <row r="11" spans="1:17" ht="19.5" customHeight="1" x14ac:dyDescent="0.15">
      <c r="A11" s="123">
        <v>6</v>
      </c>
      <c r="B11" s="122" t="s">
        <v>42</v>
      </c>
      <c r="C11" s="202">
        <v>491289</v>
      </c>
      <c r="D11" s="202">
        <v>21</v>
      </c>
      <c r="E11" s="201">
        <v>0.53</v>
      </c>
      <c r="F11" s="202">
        <v>483189</v>
      </c>
      <c r="G11" s="202">
        <v>25</v>
      </c>
      <c r="H11" s="201">
        <v>-1.65</v>
      </c>
      <c r="I11" s="118">
        <v>516616</v>
      </c>
      <c r="J11" s="118">
        <v>15</v>
      </c>
      <c r="K11" s="121">
        <v>6.92</v>
      </c>
      <c r="L11" s="118">
        <v>488313</v>
      </c>
      <c r="M11" s="118">
        <v>14</v>
      </c>
      <c r="N11" s="121">
        <v>-5.48</v>
      </c>
      <c r="O11" s="118">
        <v>513176</v>
      </c>
      <c r="P11" s="118">
        <v>19</v>
      </c>
      <c r="Q11" s="200">
        <v>5.09</v>
      </c>
    </row>
    <row r="12" spans="1:17" ht="19.5" customHeight="1" x14ac:dyDescent="0.15">
      <c r="A12" s="123">
        <v>7</v>
      </c>
      <c r="B12" s="122" t="s">
        <v>41</v>
      </c>
      <c r="C12" s="202">
        <v>518706</v>
      </c>
      <c r="D12" s="202">
        <v>9</v>
      </c>
      <c r="E12" s="201">
        <v>2.5499999999999998</v>
      </c>
      <c r="F12" s="202">
        <v>528402</v>
      </c>
      <c r="G12" s="202">
        <v>5</v>
      </c>
      <c r="H12" s="201">
        <v>1.87</v>
      </c>
      <c r="I12" s="118">
        <v>548678</v>
      </c>
      <c r="J12" s="118">
        <v>3</v>
      </c>
      <c r="K12" s="121">
        <v>3.84</v>
      </c>
      <c r="L12" s="118">
        <v>520897</v>
      </c>
      <c r="M12" s="118">
        <v>6</v>
      </c>
      <c r="N12" s="121">
        <v>-5.0599999999999996</v>
      </c>
      <c r="O12" s="118">
        <v>557794</v>
      </c>
      <c r="P12" s="118">
        <v>5</v>
      </c>
      <c r="Q12" s="200">
        <v>7.08</v>
      </c>
    </row>
    <row r="13" spans="1:17" ht="19.5" customHeight="1" x14ac:dyDescent="0.15">
      <c r="A13" s="123">
        <v>8</v>
      </c>
      <c r="B13" s="122" t="s">
        <v>40</v>
      </c>
      <c r="C13" s="202">
        <v>483715</v>
      </c>
      <c r="D13" s="202">
        <v>27</v>
      </c>
      <c r="E13" s="201">
        <v>1.47</v>
      </c>
      <c r="F13" s="202">
        <v>487215</v>
      </c>
      <c r="G13" s="202">
        <v>22</v>
      </c>
      <c r="H13" s="201">
        <v>0.72</v>
      </c>
      <c r="I13" s="118">
        <v>502863</v>
      </c>
      <c r="J13" s="118">
        <v>22</v>
      </c>
      <c r="K13" s="121">
        <v>3.21</v>
      </c>
      <c r="L13" s="118">
        <v>477148</v>
      </c>
      <c r="M13" s="118">
        <v>23</v>
      </c>
      <c r="N13" s="121">
        <v>-5.1100000000000003</v>
      </c>
      <c r="O13" s="118">
        <v>508658</v>
      </c>
      <c r="P13" s="118">
        <v>22</v>
      </c>
      <c r="Q13" s="200">
        <v>6.6</v>
      </c>
    </row>
    <row r="14" spans="1:17" ht="19.5" customHeight="1" x14ac:dyDescent="0.15">
      <c r="A14" s="123">
        <v>9</v>
      </c>
      <c r="B14" s="122" t="s">
        <v>39</v>
      </c>
      <c r="C14" s="202">
        <v>544881</v>
      </c>
      <c r="D14" s="202">
        <v>4</v>
      </c>
      <c r="E14" s="201">
        <v>4.4000000000000004</v>
      </c>
      <c r="F14" s="202">
        <v>519052</v>
      </c>
      <c r="G14" s="202">
        <v>10</v>
      </c>
      <c r="H14" s="201">
        <v>-4.74</v>
      </c>
      <c r="I14" s="118">
        <v>533088</v>
      </c>
      <c r="J14" s="118">
        <v>10</v>
      </c>
      <c r="K14" s="121">
        <v>2.7</v>
      </c>
      <c r="L14" s="118">
        <v>516202</v>
      </c>
      <c r="M14" s="118">
        <v>7</v>
      </c>
      <c r="N14" s="121">
        <v>-3.17</v>
      </c>
      <c r="O14" s="118">
        <v>577645</v>
      </c>
      <c r="P14" s="118">
        <v>1</v>
      </c>
      <c r="Q14" s="200">
        <v>11.9</v>
      </c>
    </row>
    <row r="15" spans="1:17" ht="19.5" customHeight="1" x14ac:dyDescent="0.15">
      <c r="A15" s="123">
        <v>10</v>
      </c>
      <c r="B15" s="122" t="s">
        <v>38</v>
      </c>
      <c r="C15" s="202">
        <v>495162</v>
      </c>
      <c r="D15" s="202">
        <v>18</v>
      </c>
      <c r="E15" s="201">
        <v>-0.24</v>
      </c>
      <c r="F15" s="202">
        <v>501648</v>
      </c>
      <c r="G15" s="202">
        <v>18</v>
      </c>
      <c r="H15" s="201">
        <v>1.31</v>
      </c>
      <c r="I15" s="118">
        <v>507191</v>
      </c>
      <c r="J15" s="118">
        <v>20</v>
      </c>
      <c r="K15" s="121">
        <v>1.1000000000000001</v>
      </c>
      <c r="L15" s="118">
        <v>487714</v>
      </c>
      <c r="M15" s="118">
        <v>15</v>
      </c>
      <c r="N15" s="121">
        <v>-3.84</v>
      </c>
      <c r="O15" s="118">
        <v>522754</v>
      </c>
      <c r="P15" s="118">
        <v>16</v>
      </c>
      <c r="Q15" s="200">
        <v>7.18</v>
      </c>
    </row>
    <row r="16" spans="1:17" ht="19.5" customHeight="1" x14ac:dyDescent="0.15">
      <c r="A16" s="123">
        <v>11</v>
      </c>
      <c r="B16" s="122" t="s">
        <v>37</v>
      </c>
      <c r="C16" s="202">
        <v>513890</v>
      </c>
      <c r="D16" s="202">
        <v>12</v>
      </c>
      <c r="E16" s="201">
        <v>3.56</v>
      </c>
      <c r="F16" s="202">
        <v>522359</v>
      </c>
      <c r="G16" s="202">
        <v>7</v>
      </c>
      <c r="H16" s="201">
        <v>1.65</v>
      </c>
      <c r="I16" s="118">
        <v>537333</v>
      </c>
      <c r="J16" s="118">
        <v>8</v>
      </c>
      <c r="K16" s="121">
        <v>2.87</v>
      </c>
      <c r="L16" s="118">
        <v>521234</v>
      </c>
      <c r="M16" s="118">
        <v>4</v>
      </c>
      <c r="N16" s="121">
        <v>-3</v>
      </c>
      <c r="O16" s="118">
        <v>525150</v>
      </c>
      <c r="P16" s="118">
        <v>14</v>
      </c>
      <c r="Q16" s="200">
        <v>0.75</v>
      </c>
    </row>
    <row r="17" spans="1:17" ht="19.5" customHeight="1" x14ac:dyDescent="0.15">
      <c r="A17" s="123">
        <v>12</v>
      </c>
      <c r="B17" s="122" t="s">
        <v>36</v>
      </c>
      <c r="C17" s="202">
        <v>463588</v>
      </c>
      <c r="D17" s="202">
        <v>30</v>
      </c>
      <c r="E17" s="201">
        <v>1.1200000000000001</v>
      </c>
      <c r="F17" s="202">
        <v>467608</v>
      </c>
      <c r="G17" s="202">
        <v>29</v>
      </c>
      <c r="H17" s="201">
        <v>0.87</v>
      </c>
      <c r="I17" s="118">
        <v>486892</v>
      </c>
      <c r="J17" s="118">
        <v>31</v>
      </c>
      <c r="K17" s="121">
        <v>4.12</v>
      </c>
      <c r="L17" s="118">
        <v>467508</v>
      </c>
      <c r="M17" s="118">
        <v>26</v>
      </c>
      <c r="N17" s="121">
        <v>-3.98</v>
      </c>
      <c r="O17" s="118">
        <v>501609</v>
      </c>
      <c r="P17" s="118">
        <v>25</v>
      </c>
      <c r="Q17" s="200">
        <v>7.29</v>
      </c>
    </row>
    <row r="18" spans="1:17" ht="19.5" customHeight="1" x14ac:dyDescent="0.15">
      <c r="A18" s="123">
        <v>13</v>
      </c>
      <c r="B18" s="122" t="s">
        <v>35</v>
      </c>
      <c r="C18" s="202">
        <v>481768</v>
      </c>
      <c r="D18" s="202">
        <v>29</v>
      </c>
      <c r="E18" s="201">
        <v>-3.56</v>
      </c>
      <c r="F18" s="202">
        <v>489506</v>
      </c>
      <c r="G18" s="202">
        <v>21</v>
      </c>
      <c r="H18" s="201">
        <v>1.61</v>
      </c>
      <c r="I18" s="118">
        <v>493759</v>
      </c>
      <c r="J18" s="118">
        <v>28</v>
      </c>
      <c r="K18" s="121">
        <v>0.87</v>
      </c>
      <c r="L18" s="118">
        <v>471232</v>
      </c>
      <c r="M18" s="118">
        <v>25</v>
      </c>
      <c r="N18" s="121">
        <v>-4.5599999999999996</v>
      </c>
      <c r="O18" s="118">
        <v>498858</v>
      </c>
      <c r="P18" s="118">
        <v>27</v>
      </c>
      <c r="Q18" s="200">
        <v>5.86</v>
      </c>
    </row>
    <row r="19" spans="1:17" ht="19.5" customHeight="1" x14ac:dyDescent="0.15">
      <c r="A19" s="123">
        <v>14</v>
      </c>
      <c r="B19" s="122" t="s">
        <v>34</v>
      </c>
      <c r="C19" s="202">
        <v>493050</v>
      </c>
      <c r="D19" s="202">
        <v>19</v>
      </c>
      <c r="E19" s="201">
        <v>-1.0900000000000001</v>
      </c>
      <c r="F19" s="202">
        <v>497607</v>
      </c>
      <c r="G19" s="202">
        <v>19</v>
      </c>
      <c r="H19" s="201">
        <v>0.92</v>
      </c>
      <c r="I19" s="118">
        <v>501214</v>
      </c>
      <c r="J19" s="118">
        <v>25</v>
      </c>
      <c r="K19" s="121">
        <v>0.72</v>
      </c>
      <c r="L19" s="118">
        <v>501393</v>
      </c>
      <c r="M19" s="118">
        <v>10</v>
      </c>
      <c r="N19" s="121">
        <v>0.04</v>
      </c>
      <c r="O19" s="118">
        <v>524375</v>
      </c>
      <c r="P19" s="118">
        <v>15</v>
      </c>
      <c r="Q19" s="200">
        <v>4.58</v>
      </c>
    </row>
    <row r="20" spans="1:17" ht="19.5" customHeight="1" x14ac:dyDescent="0.15">
      <c r="A20" s="123">
        <v>15</v>
      </c>
      <c r="B20" s="122" t="s">
        <v>33</v>
      </c>
      <c r="C20" s="202">
        <v>492711</v>
      </c>
      <c r="D20" s="202">
        <v>20</v>
      </c>
      <c r="E20" s="201">
        <v>0.01</v>
      </c>
      <c r="F20" s="202">
        <v>504496</v>
      </c>
      <c r="G20" s="202">
        <v>16</v>
      </c>
      <c r="H20" s="201">
        <v>2.39</v>
      </c>
      <c r="I20" s="118">
        <v>514640</v>
      </c>
      <c r="J20" s="118">
        <v>16</v>
      </c>
      <c r="K20" s="121">
        <v>2.0099999999999998</v>
      </c>
      <c r="L20" s="118">
        <v>511581</v>
      </c>
      <c r="M20" s="118">
        <v>9</v>
      </c>
      <c r="N20" s="121">
        <v>-0.59</v>
      </c>
      <c r="O20" s="118">
        <v>540835</v>
      </c>
      <c r="P20" s="118">
        <v>9</v>
      </c>
      <c r="Q20" s="200">
        <v>5.72</v>
      </c>
    </row>
    <row r="21" spans="1:17" ht="19.5" customHeight="1" x14ac:dyDescent="0.15">
      <c r="A21" s="123">
        <v>16</v>
      </c>
      <c r="B21" s="122" t="s">
        <v>32</v>
      </c>
      <c r="C21" s="202">
        <v>461970</v>
      </c>
      <c r="D21" s="202">
        <v>31</v>
      </c>
      <c r="E21" s="201">
        <v>2.65</v>
      </c>
      <c r="F21" s="202">
        <v>456575</v>
      </c>
      <c r="G21" s="202">
        <v>32</v>
      </c>
      <c r="H21" s="201">
        <v>-1.17</v>
      </c>
      <c r="I21" s="118">
        <v>471362</v>
      </c>
      <c r="J21" s="118">
        <v>32</v>
      </c>
      <c r="K21" s="121">
        <v>3.24</v>
      </c>
      <c r="L21" s="118">
        <v>460658</v>
      </c>
      <c r="M21" s="118">
        <v>30</v>
      </c>
      <c r="N21" s="121">
        <v>-2.27</v>
      </c>
      <c r="O21" s="118">
        <v>493349</v>
      </c>
      <c r="P21" s="118">
        <v>29</v>
      </c>
      <c r="Q21" s="200">
        <v>7.1</v>
      </c>
    </row>
    <row r="22" spans="1:17" ht="19.5" customHeight="1" x14ac:dyDescent="0.15">
      <c r="A22" s="123">
        <v>17</v>
      </c>
      <c r="B22" s="122" t="s">
        <v>31</v>
      </c>
      <c r="C22" s="202">
        <v>490670</v>
      </c>
      <c r="D22" s="202">
        <v>22</v>
      </c>
      <c r="E22" s="201">
        <v>1.77</v>
      </c>
      <c r="F22" s="202">
        <v>494934</v>
      </c>
      <c r="G22" s="202">
        <v>20</v>
      </c>
      <c r="H22" s="201">
        <v>0.87</v>
      </c>
      <c r="I22" s="118">
        <v>501892</v>
      </c>
      <c r="J22" s="118">
        <v>24</v>
      </c>
      <c r="K22" s="121">
        <v>1.41</v>
      </c>
      <c r="L22" s="118">
        <v>478326</v>
      </c>
      <c r="M22" s="118">
        <v>22</v>
      </c>
      <c r="N22" s="121">
        <v>-4.7</v>
      </c>
      <c r="O22" s="118">
        <v>526745</v>
      </c>
      <c r="P22" s="118">
        <v>12</v>
      </c>
      <c r="Q22" s="200">
        <v>10.119999999999999</v>
      </c>
    </row>
    <row r="23" spans="1:17" ht="19.5" customHeight="1" x14ac:dyDescent="0.15">
      <c r="A23" s="123">
        <v>18</v>
      </c>
      <c r="B23" s="122" t="s">
        <v>30</v>
      </c>
      <c r="C23" s="202">
        <v>507249</v>
      </c>
      <c r="D23" s="202">
        <v>13</v>
      </c>
      <c r="E23" s="201">
        <v>0.49</v>
      </c>
      <c r="F23" s="202">
        <v>474249</v>
      </c>
      <c r="G23" s="202">
        <v>28</v>
      </c>
      <c r="H23" s="201">
        <v>-6.51</v>
      </c>
      <c r="I23" s="118">
        <v>518535</v>
      </c>
      <c r="J23" s="118">
        <v>14</v>
      </c>
      <c r="K23" s="121">
        <v>9.34</v>
      </c>
      <c r="L23" s="118">
        <v>463578</v>
      </c>
      <c r="M23" s="118">
        <v>28</v>
      </c>
      <c r="N23" s="121">
        <v>-10.6</v>
      </c>
      <c r="O23" s="118">
        <v>518598</v>
      </c>
      <c r="P23" s="118">
        <v>17</v>
      </c>
      <c r="Q23" s="200">
        <v>11.87</v>
      </c>
    </row>
    <row r="24" spans="1:17" ht="19.5" customHeight="1" x14ac:dyDescent="0.15">
      <c r="A24" s="123">
        <v>19</v>
      </c>
      <c r="B24" s="122" t="s">
        <v>29</v>
      </c>
      <c r="C24" s="202">
        <v>486343</v>
      </c>
      <c r="D24" s="202">
        <v>25</v>
      </c>
      <c r="E24" s="201">
        <v>4.04</v>
      </c>
      <c r="F24" s="202">
        <v>479309</v>
      </c>
      <c r="G24" s="202">
        <v>27</v>
      </c>
      <c r="H24" s="201">
        <v>-1.45</v>
      </c>
      <c r="I24" s="118">
        <v>514061</v>
      </c>
      <c r="J24" s="118">
        <v>17</v>
      </c>
      <c r="K24" s="121">
        <v>7.25</v>
      </c>
      <c r="L24" s="118">
        <v>478679</v>
      </c>
      <c r="M24" s="118">
        <v>21</v>
      </c>
      <c r="N24" s="121">
        <v>-6.88</v>
      </c>
      <c r="O24" s="118">
        <v>536760</v>
      </c>
      <c r="P24" s="118">
        <v>10</v>
      </c>
      <c r="Q24" s="200">
        <v>12.13</v>
      </c>
    </row>
    <row r="25" spans="1:17" ht="19.5" customHeight="1" x14ac:dyDescent="0.15">
      <c r="A25" s="123">
        <v>20</v>
      </c>
      <c r="B25" s="122" t="s">
        <v>28</v>
      </c>
      <c r="C25" s="202">
        <v>496043</v>
      </c>
      <c r="D25" s="202">
        <v>16</v>
      </c>
      <c r="E25" s="201">
        <v>1.56</v>
      </c>
      <c r="F25" s="202">
        <v>481982</v>
      </c>
      <c r="G25" s="202">
        <v>26</v>
      </c>
      <c r="H25" s="201">
        <v>-2.83</v>
      </c>
      <c r="I25" s="118">
        <v>488969</v>
      </c>
      <c r="J25" s="118">
        <v>30</v>
      </c>
      <c r="K25" s="121">
        <v>1.45</v>
      </c>
      <c r="L25" s="118">
        <v>484670</v>
      </c>
      <c r="M25" s="118">
        <v>19</v>
      </c>
      <c r="N25" s="121">
        <v>-0.88</v>
      </c>
      <c r="O25" s="118">
        <v>502601</v>
      </c>
      <c r="P25" s="118">
        <v>24</v>
      </c>
      <c r="Q25" s="200">
        <v>3.7</v>
      </c>
    </row>
    <row r="26" spans="1:17" ht="19.5" customHeight="1" x14ac:dyDescent="0.15">
      <c r="A26" s="123">
        <v>21</v>
      </c>
      <c r="B26" s="122" t="s">
        <v>27</v>
      </c>
      <c r="C26" s="202">
        <v>484990</v>
      </c>
      <c r="D26" s="202">
        <v>26</v>
      </c>
      <c r="E26" s="201">
        <v>3.85</v>
      </c>
      <c r="F26" s="202">
        <v>502250</v>
      </c>
      <c r="G26" s="202">
        <v>17</v>
      </c>
      <c r="H26" s="201">
        <v>3.56</v>
      </c>
      <c r="I26" s="118">
        <v>506135</v>
      </c>
      <c r="J26" s="118">
        <v>21</v>
      </c>
      <c r="K26" s="121">
        <v>0.77</v>
      </c>
      <c r="L26" s="118">
        <v>484944</v>
      </c>
      <c r="M26" s="118">
        <v>18</v>
      </c>
      <c r="N26" s="121">
        <v>-4.1900000000000004</v>
      </c>
      <c r="O26" s="118">
        <v>526271</v>
      </c>
      <c r="P26" s="118">
        <v>13</v>
      </c>
      <c r="Q26" s="200">
        <v>8.52</v>
      </c>
    </row>
    <row r="27" spans="1:17" ht="19.5" customHeight="1" x14ac:dyDescent="0.15">
      <c r="A27" s="123">
        <v>22</v>
      </c>
      <c r="B27" s="122" t="s">
        <v>26</v>
      </c>
      <c r="C27" s="202">
        <v>488713</v>
      </c>
      <c r="D27" s="202">
        <v>24</v>
      </c>
      <c r="E27" s="201">
        <v>1.36</v>
      </c>
      <c r="F27" s="202">
        <v>512476</v>
      </c>
      <c r="G27" s="202">
        <v>14</v>
      </c>
      <c r="H27" s="201">
        <v>4.8600000000000003</v>
      </c>
      <c r="I27" s="118">
        <v>502344</v>
      </c>
      <c r="J27" s="118">
        <v>23</v>
      </c>
      <c r="K27" s="121">
        <v>-1.98</v>
      </c>
      <c r="L27" s="118">
        <v>484971</v>
      </c>
      <c r="M27" s="118">
        <v>17</v>
      </c>
      <c r="N27" s="121">
        <v>-3.46</v>
      </c>
      <c r="O27" s="118">
        <v>474529</v>
      </c>
      <c r="P27" s="118">
        <v>31</v>
      </c>
      <c r="Q27" s="200">
        <v>-2.15</v>
      </c>
    </row>
    <row r="28" spans="1:17" ht="19.5" customHeight="1" x14ac:dyDescent="0.15">
      <c r="A28" s="123">
        <v>23</v>
      </c>
      <c r="B28" s="122" t="s">
        <v>25</v>
      </c>
      <c r="C28" s="202">
        <v>495808</v>
      </c>
      <c r="D28" s="202">
        <v>17</v>
      </c>
      <c r="E28" s="201">
        <v>1.21</v>
      </c>
      <c r="F28" s="202">
        <v>465879</v>
      </c>
      <c r="G28" s="202">
        <v>30</v>
      </c>
      <c r="H28" s="201">
        <v>-6.04</v>
      </c>
      <c r="I28" s="118">
        <v>489989</v>
      </c>
      <c r="J28" s="118">
        <v>29</v>
      </c>
      <c r="K28" s="121">
        <v>5.18</v>
      </c>
      <c r="L28" s="118">
        <v>455290</v>
      </c>
      <c r="M28" s="118">
        <v>31</v>
      </c>
      <c r="N28" s="121">
        <v>-7.08</v>
      </c>
      <c r="O28" s="118">
        <v>481499</v>
      </c>
      <c r="P28" s="118">
        <v>30</v>
      </c>
      <c r="Q28" s="200">
        <v>5.76</v>
      </c>
    </row>
    <row r="29" spans="1:17" ht="19.5" customHeight="1" x14ac:dyDescent="0.15">
      <c r="A29" s="123">
        <v>24</v>
      </c>
      <c r="B29" s="122" t="s">
        <v>24</v>
      </c>
      <c r="C29" s="202">
        <v>515116</v>
      </c>
      <c r="D29" s="202">
        <v>11</v>
      </c>
      <c r="E29" s="201">
        <v>3.79</v>
      </c>
      <c r="F29" s="202">
        <v>463464</v>
      </c>
      <c r="G29" s="202">
        <v>31</v>
      </c>
      <c r="H29" s="201">
        <v>-10.029999999999999</v>
      </c>
      <c r="I29" s="118">
        <v>500279</v>
      </c>
      <c r="J29" s="118">
        <v>27</v>
      </c>
      <c r="K29" s="121">
        <v>7.94</v>
      </c>
      <c r="L29" s="118">
        <v>487130</v>
      </c>
      <c r="M29" s="118">
        <v>16</v>
      </c>
      <c r="N29" s="121">
        <v>-2.63</v>
      </c>
      <c r="O29" s="118">
        <v>508811</v>
      </c>
      <c r="P29" s="118">
        <v>21</v>
      </c>
      <c r="Q29" s="200">
        <v>4.45</v>
      </c>
    </row>
    <row r="30" spans="1:17" ht="19.5" customHeight="1" x14ac:dyDescent="0.15">
      <c r="A30" s="123">
        <v>25</v>
      </c>
      <c r="B30" s="122" t="s">
        <v>23</v>
      </c>
      <c r="C30" s="202">
        <v>438524</v>
      </c>
      <c r="D30" s="202">
        <v>32</v>
      </c>
      <c r="E30" s="201">
        <v>0.96</v>
      </c>
      <c r="F30" s="202">
        <v>430959</v>
      </c>
      <c r="G30" s="202">
        <v>33</v>
      </c>
      <c r="H30" s="201">
        <v>-1.73</v>
      </c>
      <c r="I30" s="118">
        <v>459145</v>
      </c>
      <c r="J30" s="118">
        <v>33</v>
      </c>
      <c r="K30" s="121">
        <v>6.54</v>
      </c>
      <c r="L30" s="118">
        <v>420886</v>
      </c>
      <c r="M30" s="118">
        <v>33</v>
      </c>
      <c r="N30" s="121">
        <v>-8.33</v>
      </c>
      <c r="O30" s="118">
        <v>446901</v>
      </c>
      <c r="P30" s="118">
        <v>33</v>
      </c>
      <c r="Q30" s="200">
        <v>6.18</v>
      </c>
    </row>
    <row r="31" spans="1:17" ht="19.5" customHeight="1" x14ac:dyDescent="0.15">
      <c r="A31" s="123">
        <v>26</v>
      </c>
      <c r="B31" s="122" t="s">
        <v>22</v>
      </c>
      <c r="C31" s="202">
        <v>528243</v>
      </c>
      <c r="D31" s="202">
        <v>6</v>
      </c>
      <c r="E31" s="201">
        <v>1.59</v>
      </c>
      <c r="F31" s="202">
        <v>520335</v>
      </c>
      <c r="G31" s="202">
        <v>9</v>
      </c>
      <c r="H31" s="201">
        <v>-1.5</v>
      </c>
      <c r="I31" s="118">
        <v>538516</v>
      </c>
      <c r="J31" s="118">
        <v>7</v>
      </c>
      <c r="K31" s="121">
        <v>3.49</v>
      </c>
      <c r="L31" s="118">
        <v>461516</v>
      </c>
      <c r="M31" s="118">
        <v>29</v>
      </c>
      <c r="N31" s="121">
        <v>-14.3</v>
      </c>
      <c r="O31" s="118">
        <v>460898</v>
      </c>
      <c r="P31" s="118">
        <v>32</v>
      </c>
      <c r="Q31" s="200">
        <v>-0.13</v>
      </c>
    </row>
    <row r="32" spans="1:17" ht="19.5" customHeight="1" x14ac:dyDescent="0.15">
      <c r="A32" s="123">
        <v>27</v>
      </c>
      <c r="B32" s="122" t="s">
        <v>21</v>
      </c>
      <c r="C32" s="202">
        <v>525133</v>
      </c>
      <c r="D32" s="202">
        <v>7</v>
      </c>
      <c r="E32" s="201">
        <v>-11.84</v>
      </c>
      <c r="F32" s="202">
        <v>537932</v>
      </c>
      <c r="G32" s="202">
        <v>2</v>
      </c>
      <c r="H32" s="201">
        <v>2.44</v>
      </c>
      <c r="I32" s="118">
        <v>555886</v>
      </c>
      <c r="J32" s="118">
        <v>2</v>
      </c>
      <c r="K32" s="121">
        <v>3.34</v>
      </c>
      <c r="L32" s="118">
        <v>527687</v>
      </c>
      <c r="M32" s="118">
        <v>3</v>
      </c>
      <c r="N32" s="121">
        <v>-5.07</v>
      </c>
      <c r="O32" s="118">
        <v>509047</v>
      </c>
      <c r="P32" s="118">
        <v>20</v>
      </c>
      <c r="Q32" s="200">
        <v>-3.53</v>
      </c>
    </row>
    <row r="33" spans="1:17" ht="19.5" customHeight="1" x14ac:dyDescent="0.15">
      <c r="A33" s="123">
        <v>28</v>
      </c>
      <c r="B33" s="122" t="s">
        <v>20</v>
      </c>
      <c r="C33" s="202">
        <v>556978</v>
      </c>
      <c r="D33" s="202">
        <v>1</v>
      </c>
      <c r="E33" s="201">
        <v>3.97</v>
      </c>
      <c r="F33" s="202">
        <v>520852</v>
      </c>
      <c r="G33" s="202">
        <v>8</v>
      </c>
      <c r="H33" s="201">
        <v>-6.49</v>
      </c>
      <c r="I33" s="118">
        <v>523783</v>
      </c>
      <c r="J33" s="118">
        <v>11</v>
      </c>
      <c r="K33" s="121">
        <v>0.56000000000000005</v>
      </c>
      <c r="L33" s="118">
        <v>491882</v>
      </c>
      <c r="M33" s="118">
        <v>13</v>
      </c>
      <c r="N33" s="121">
        <v>-6.09</v>
      </c>
      <c r="O33" s="118">
        <v>555953</v>
      </c>
      <c r="P33" s="118">
        <v>6</v>
      </c>
      <c r="Q33" s="200">
        <v>13.03</v>
      </c>
    </row>
    <row r="34" spans="1:17" ht="19.5" customHeight="1" x14ac:dyDescent="0.15">
      <c r="A34" s="123">
        <v>29</v>
      </c>
      <c r="B34" s="122" t="s">
        <v>19</v>
      </c>
      <c r="C34" s="202">
        <v>546033</v>
      </c>
      <c r="D34" s="202">
        <v>3</v>
      </c>
      <c r="E34" s="201">
        <v>4.51</v>
      </c>
      <c r="F34" s="202">
        <v>515668</v>
      </c>
      <c r="G34" s="202">
        <v>11</v>
      </c>
      <c r="H34" s="201">
        <v>-5.56</v>
      </c>
      <c r="I34" s="118">
        <v>544027</v>
      </c>
      <c r="J34" s="118">
        <v>5</v>
      </c>
      <c r="K34" s="121">
        <v>5.5</v>
      </c>
      <c r="L34" s="118">
        <v>497476</v>
      </c>
      <c r="M34" s="118">
        <v>11</v>
      </c>
      <c r="N34" s="121">
        <v>-8.56</v>
      </c>
      <c r="O34" s="118">
        <v>569692</v>
      </c>
      <c r="P34" s="118">
        <v>4</v>
      </c>
      <c r="Q34" s="200">
        <v>14.52</v>
      </c>
    </row>
    <row r="35" spans="1:17" ht="19.5" customHeight="1" x14ac:dyDescent="0.15">
      <c r="A35" s="123">
        <v>30</v>
      </c>
      <c r="B35" s="122" t="s">
        <v>18</v>
      </c>
      <c r="C35" s="202">
        <v>516200</v>
      </c>
      <c r="D35" s="202">
        <v>10</v>
      </c>
      <c r="E35" s="201">
        <v>0.13</v>
      </c>
      <c r="F35" s="202">
        <v>535830</v>
      </c>
      <c r="G35" s="202">
        <v>4</v>
      </c>
      <c r="H35" s="201">
        <v>3.8</v>
      </c>
      <c r="I35" s="118">
        <v>541500</v>
      </c>
      <c r="J35" s="118">
        <v>6</v>
      </c>
      <c r="K35" s="121">
        <v>1.06</v>
      </c>
      <c r="L35" s="118">
        <v>549797</v>
      </c>
      <c r="M35" s="118">
        <v>1</v>
      </c>
      <c r="N35" s="121">
        <v>1.53</v>
      </c>
      <c r="O35" s="118">
        <v>570485</v>
      </c>
      <c r="P35" s="118">
        <v>3</v>
      </c>
      <c r="Q35" s="200">
        <v>3.76</v>
      </c>
    </row>
    <row r="36" spans="1:17" ht="19.5" customHeight="1" x14ac:dyDescent="0.15">
      <c r="A36" s="123">
        <v>31</v>
      </c>
      <c r="B36" s="122" t="s">
        <v>17</v>
      </c>
      <c r="C36" s="202">
        <v>504916</v>
      </c>
      <c r="D36" s="202">
        <v>15</v>
      </c>
      <c r="E36" s="201">
        <v>2.35</v>
      </c>
      <c r="F36" s="202">
        <v>483693</v>
      </c>
      <c r="G36" s="202">
        <v>24</v>
      </c>
      <c r="H36" s="201">
        <v>-4.2</v>
      </c>
      <c r="I36" s="118">
        <v>512460</v>
      </c>
      <c r="J36" s="118">
        <v>18</v>
      </c>
      <c r="K36" s="121">
        <v>5.95</v>
      </c>
      <c r="L36" s="118">
        <v>466580</v>
      </c>
      <c r="M36" s="118">
        <v>27</v>
      </c>
      <c r="N36" s="121">
        <v>-8.9499999999999993</v>
      </c>
      <c r="O36" s="118">
        <v>508653</v>
      </c>
      <c r="P36" s="118">
        <v>23</v>
      </c>
      <c r="Q36" s="200">
        <v>9.02</v>
      </c>
    </row>
    <row r="37" spans="1:17" ht="19.5" customHeight="1" x14ac:dyDescent="0.15">
      <c r="A37" s="123">
        <v>32</v>
      </c>
      <c r="B37" s="122" t="s">
        <v>16</v>
      </c>
      <c r="C37" s="202">
        <v>488887</v>
      </c>
      <c r="D37" s="202">
        <v>23</v>
      </c>
      <c r="E37" s="201">
        <v>-2.75</v>
      </c>
      <c r="F37" s="202">
        <v>514534</v>
      </c>
      <c r="G37" s="202">
        <v>12</v>
      </c>
      <c r="H37" s="201">
        <v>5.25</v>
      </c>
      <c r="I37" s="118">
        <v>519394</v>
      </c>
      <c r="J37" s="118">
        <v>12</v>
      </c>
      <c r="K37" s="121">
        <v>0.94</v>
      </c>
      <c r="L37" s="118">
        <v>495874</v>
      </c>
      <c r="M37" s="118">
        <v>12</v>
      </c>
      <c r="N37" s="121">
        <v>-4.53</v>
      </c>
      <c r="O37" s="118">
        <v>530578</v>
      </c>
      <c r="P37" s="118">
        <v>11</v>
      </c>
      <c r="Q37" s="200">
        <v>7</v>
      </c>
    </row>
    <row r="38" spans="1:17" ht="19.5" customHeight="1" thickBot="1" x14ac:dyDescent="0.2">
      <c r="A38" s="116">
        <v>33</v>
      </c>
      <c r="B38" s="115" t="s">
        <v>15</v>
      </c>
      <c r="C38" s="199">
        <v>403916</v>
      </c>
      <c r="D38" s="199">
        <v>33</v>
      </c>
      <c r="E38" s="198">
        <v>-9.25</v>
      </c>
      <c r="F38" s="199">
        <v>514534</v>
      </c>
      <c r="G38" s="199">
        <v>12</v>
      </c>
      <c r="H38" s="198">
        <v>27.39</v>
      </c>
      <c r="I38" s="110">
        <v>519394</v>
      </c>
      <c r="J38" s="110">
        <v>12</v>
      </c>
      <c r="K38" s="114">
        <v>0.94</v>
      </c>
      <c r="L38" s="110">
        <v>447054</v>
      </c>
      <c r="M38" s="110">
        <v>32</v>
      </c>
      <c r="N38" s="114">
        <v>-13.93</v>
      </c>
      <c r="O38" s="110">
        <v>495580</v>
      </c>
      <c r="P38" s="110">
        <v>28</v>
      </c>
      <c r="Q38" s="197">
        <v>10.85</v>
      </c>
    </row>
    <row r="39" spans="1:17" ht="19.5" customHeight="1" thickTop="1" x14ac:dyDescent="0.15">
      <c r="A39" s="131">
        <v>301</v>
      </c>
      <c r="B39" s="130" t="s">
        <v>102</v>
      </c>
      <c r="C39" s="205">
        <v>415216</v>
      </c>
      <c r="D39" s="205">
        <v>4</v>
      </c>
      <c r="E39" s="204">
        <v>10.83</v>
      </c>
      <c r="F39" s="205">
        <v>454863</v>
      </c>
      <c r="G39" s="205">
        <v>3</v>
      </c>
      <c r="H39" s="204">
        <v>9.5500000000000007</v>
      </c>
      <c r="I39" s="125">
        <v>431649</v>
      </c>
      <c r="J39" s="125">
        <v>4</v>
      </c>
      <c r="K39" s="129">
        <v>-5.0999999999999996</v>
      </c>
      <c r="L39" s="125">
        <v>364610</v>
      </c>
      <c r="M39" s="125">
        <v>6</v>
      </c>
      <c r="N39" s="129">
        <v>-15.53</v>
      </c>
      <c r="O39" s="125">
        <v>416359</v>
      </c>
      <c r="P39" s="125">
        <v>6</v>
      </c>
      <c r="Q39" s="203">
        <v>14.19</v>
      </c>
    </row>
    <row r="40" spans="1:17" ht="19.5" customHeight="1" x14ac:dyDescent="0.15">
      <c r="A40" s="123">
        <v>302</v>
      </c>
      <c r="B40" s="122" t="s">
        <v>101</v>
      </c>
      <c r="C40" s="202">
        <v>412408</v>
      </c>
      <c r="D40" s="202">
        <v>6</v>
      </c>
      <c r="E40" s="201">
        <v>0.85</v>
      </c>
      <c r="F40" s="202">
        <v>432554</v>
      </c>
      <c r="G40" s="202">
        <v>5</v>
      </c>
      <c r="H40" s="201">
        <v>4.88</v>
      </c>
      <c r="I40" s="118">
        <v>428526</v>
      </c>
      <c r="J40" s="118">
        <v>6</v>
      </c>
      <c r="K40" s="121">
        <v>-0.93</v>
      </c>
      <c r="L40" s="118">
        <v>426880</v>
      </c>
      <c r="M40" s="118">
        <v>4</v>
      </c>
      <c r="N40" s="121">
        <v>-0.38</v>
      </c>
      <c r="O40" s="118">
        <v>473033</v>
      </c>
      <c r="P40" s="118">
        <v>4</v>
      </c>
      <c r="Q40" s="200">
        <v>10.81</v>
      </c>
    </row>
    <row r="41" spans="1:17" ht="19.5" customHeight="1" x14ac:dyDescent="0.15">
      <c r="A41" s="123">
        <v>303</v>
      </c>
      <c r="B41" s="122" t="s">
        <v>100</v>
      </c>
      <c r="C41" s="202">
        <v>531971</v>
      </c>
      <c r="D41" s="202">
        <v>2</v>
      </c>
      <c r="E41" s="201">
        <v>-0.74</v>
      </c>
      <c r="F41" s="202">
        <v>447421</v>
      </c>
      <c r="G41" s="202">
        <v>4</v>
      </c>
      <c r="H41" s="201">
        <v>-15.89</v>
      </c>
      <c r="I41" s="118">
        <v>431302</v>
      </c>
      <c r="J41" s="118">
        <v>5</v>
      </c>
      <c r="K41" s="121">
        <v>-3.6</v>
      </c>
      <c r="L41" s="118">
        <v>497034</v>
      </c>
      <c r="M41" s="118">
        <v>2</v>
      </c>
      <c r="N41" s="121">
        <v>15.24</v>
      </c>
      <c r="O41" s="118">
        <v>534713</v>
      </c>
      <c r="P41" s="118">
        <v>2</v>
      </c>
      <c r="Q41" s="200">
        <v>7.58</v>
      </c>
    </row>
    <row r="42" spans="1:17" ht="19.5" customHeight="1" x14ac:dyDescent="0.15">
      <c r="A42" s="123">
        <v>304</v>
      </c>
      <c r="B42" s="122" t="s">
        <v>99</v>
      </c>
      <c r="C42" s="202">
        <v>415171</v>
      </c>
      <c r="D42" s="202">
        <v>5</v>
      </c>
      <c r="E42" s="201">
        <v>-11.44</v>
      </c>
      <c r="F42" s="202">
        <v>549894</v>
      </c>
      <c r="G42" s="202">
        <v>1</v>
      </c>
      <c r="H42" s="201">
        <v>32.450000000000003</v>
      </c>
      <c r="I42" s="118">
        <v>551521</v>
      </c>
      <c r="J42" s="118">
        <v>1</v>
      </c>
      <c r="K42" s="121">
        <v>0.3</v>
      </c>
      <c r="L42" s="118">
        <v>424842</v>
      </c>
      <c r="M42" s="118">
        <v>5</v>
      </c>
      <c r="N42" s="121">
        <v>-22.97</v>
      </c>
      <c r="O42" s="118">
        <v>469176</v>
      </c>
      <c r="P42" s="118">
        <v>5</v>
      </c>
      <c r="Q42" s="200">
        <v>10.44</v>
      </c>
    </row>
    <row r="43" spans="1:17" ht="19.5" customHeight="1" x14ac:dyDescent="0.15">
      <c r="A43" s="123">
        <v>305</v>
      </c>
      <c r="B43" s="122" t="s">
        <v>98</v>
      </c>
      <c r="C43" s="202">
        <v>457210</v>
      </c>
      <c r="D43" s="202">
        <v>3</v>
      </c>
      <c r="E43" s="201">
        <v>0.08</v>
      </c>
      <c r="F43" s="202">
        <v>407949</v>
      </c>
      <c r="G43" s="202">
        <v>6</v>
      </c>
      <c r="H43" s="201">
        <v>-10.77</v>
      </c>
      <c r="I43" s="118">
        <v>496069</v>
      </c>
      <c r="J43" s="118">
        <v>3</v>
      </c>
      <c r="K43" s="121">
        <v>21.6</v>
      </c>
      <c r="L43" s="118">
        <v>468185</v>
      </c>
      <c r="M43" s="118">
        <v>3</v>
      </c>
      <c r="N43" s="121">
        <v>-5.62</v>
      </c>
      <c r="O43" s="118">
        <v>494535</v>
      </c>
      <c r="P43" s="118">
        <v>3</v>
      </c>
      <c r="Q43" s="200">
        <v>5.63</v>
      </c>
    </row>
    <row r="44" spans="1:17" ht="19.5" customHeight="1" thickBot="1" x14ac:dyDescent="0.2">
      <c r="A44" s="116">
        <v>306</v>
      </c>
      <c r="B44" s="115" t="s">
        <v>97</v>
      </c>
      <c r="C44" s="199">
        <v>535052</v>
      </c>
      <c r="D44" s="199">
        <v>1</v>
      </c>
      <c r="E44" s="198">
        <v>-5.58</v>
      </c>
      <c r="F44" s="199">
        <v>486252</v>
      </c>
      <c r="G44" s="199">
        <v>2</v>
      </c>
      <c r="H44" s="198">
        <v>-9.1199999999999992</v>
      </c>
      <c r="I44" s="110">
        <v>501802</v>
      </c>
      <c r="J44" s="110">
        <v>2</v>
      </c>
      <c r="K44" s="114">
        <v>3.2</v>
      </c>
      <c r="L44" s="110">
        <v>533239</v>
      </c>
      <c r="M44" s="110">
        <v>1</v>
      </c>
      <c r="N44" s="114">
        <v>6.26</v>
      </c>
      <c r="O44" s="110">
        <v>555830</v>
      </c>
      <c r="P44" s="110">
        <v>1</v>
      </c>
      <c r="Q44" s="197">
        <v>4.24</v>
      </c>
    </row>
    <row r="45" spans="1:17" ht="19.5" customHeight="1" thickTop="1" thickBot="1" x14ac:dyDescent="0.2">
      <c r="A45" s="373" t="s">
        <v>3</v>
      </c>
      <c r="B45" s="374"/>
      <c r="C45" s="103">
        <v>513485</v>
      </c>
      <c r="D45" s="103"/>
      <c r="E45" s="196">
        <v>0.99</v>
      </c>
      <c r="F45" s="103">
        <v>515301</v>
      </c>
      <c r="G45" s="103"/>
      <c r="H45" s="196">
        <v>0.35</v>
      </c>
      <c r="I45" s="106">
        <v>526456</v>
      </c>
      <c r="J45" s="106"/>
      <c r="K45" s="105">
        <v>2.16</v>
      </c>
      <c r="L45" s="106">
        <v>505721</v>
      </c>
      <c r="M45" s="106"/>
      <c r="N45" s="105">
        <v>-3.94</v>
      </c>
      <c r="O45" s="106">
        <v>538730</v>
      </c>
      <c r="P45" s="153" t="s">
        <v>79</v>
      </c>
      <c r="Q45" s="195">
        <v>6.53</v>
      </c>
    </row>
    <row r="46" spans="1:17" ht="19.5" customHeight="1" thickTop="1" thickBot="1" x14ac:dyDescent="0.2">
      <c r="A46" s="373" t="s">
        <v>125</v>
      </c>
      <c r="B46" s="374"/>
      <c r="C46" s="103">
        <v>506285</v>
      </c>
      <c r="D46" s="103"/>
      <c r="E46" s="196">
        <v>-3.32</v>
      </c>
      <c r="F46" s="103">
        <v>518011</v>
      </c>
      <c r="G46" s="103"/>
      <c r="H46" s="196">
        <v>2.3199999999999998</v>
      </c>
      <c r="I46" s="106">
        <v>524247</v>
      </c>
      <c r="J46" s="106"/>
      <c r="K46" s="105">
        <v>1.2</v>
      </c>
      <c r="L46" s="106">
        <v>491707</v>
      </c>
      <c r="M46" s="106"/>
      <c r="N46" s="105">
        <v>-6.21</v>
      </c>
      <c r="O46" s="106">
        <v>521445</v>
      </c>
      <c r="P46" s="153" t="s">
        <v>79</v>
      </c>
      <c r="Q46" s="195">
        <v>6.05</v>
      </c>
    </row>
    <row r="47" spans="1:17" ht="19.5" customHeight="1" thickTop="1" thickBot="1" x14ac:dyDescent="0.2">
      <c r="A47" s="364" t="s">
        <v>124</v>
      </c>
      <c r="B47" s="365"/>
      <c r="C47" s="93">
        <v>513341</v>
      </c>
      <c r="D47" s="93"/>
      <c r="E47" s="194">
        <v>0.9</v>
      </c>
      <c r="F47" s="93">
        <v>515355</v>
      </c>
      <c r="G47" s="93"/>
      <c r="H47" s="194">
        <v>0.39</v>
      </c>
      <c r="I47" s="96">
        <v>526412</v>
      </c>
      <c r="J47" s="96"/>
      <c r="K47" s="95">
        <v>2.15</v>
      </c>
      <c r="L47" s="96">
        <v>505440</v>
      </c>
      <c r="M47" s="96"/>
      <c r="N47" s="95">
        <v>-3.98</v>
      </c>
      <c r="O47" s="96">
        <v>538386</v>
      </c>
      <c r="P47" s="152" t="s">
        <v>79</v>
      </c>
      <c r="Q47" s="193">
        <v>6.52</v>
      </c>
    </row>
    <row r="48" spans="1:17" x14ac:dyDescent="0.15">
      <c r="A48" s="325"/>
      <c r="L48" s="324"/>
      <c r="M48" s="324"/>
      <c r="N48" s="324"/>
    </row>
  </sheetData>
  <mergeCells count="9">
    <mergeCell ref="O3:Q3"/>
    <mergeCell ref="A46:B46"/>
    <mergeCell ref="L3:N3"/>
    <mergeCell ref="A47:B47"/>
    <mergeCell ref="A45:B45"/>
    <mergeCell ref="A3:B5"/>
    <mergeCell ref="I3:K3"/>
    <mergeCell ref="F3:H3"/>
    <mergeCell ref="C3:E3"/>
  </mergeCells>
  <phoneticPr fontId="3"/>
  <printOptions horizontalCentered="1" gridLinesSet="0"/>
  <pageMargins left="0.59055118110236227" right="0.59055118110236227" top="0.59055118110236227" bottom="0.59055118110236227" header="0.19685039370078741" footer="0.23622047244094491"/>
  <pageSetup paperSize="9" scale="89" orientation="portrait" blackAndWhite="1" r:id="rId1"/>
  <headerFooter alignWithMargins="0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102"/>
  <sheetViews>
    <sheetView zoomScaleNormal="100" zoomScaleSheetLayoutView="100" workbookViewId="0">
      <pane xSplit="2" ySplit="6" topLeftCell="C7" activePane="bottomRight" state="frozen"/>
      <selection pane="topRight" activeCell="C1" sqref="C1"/>
      <selection pane="bottomLeft" activeCell="A7" sqref="A7"/>
      <selection pane="bottomRight" activeCell="K55" sqref="K55"/>
    </sheetView>
  </sheetViews>
  <sheetFormatPr defaultColWidth="9" defaultRowHeight="11.25" x14ac:dyDescent="0.15"/>
  <cols>
    <col min="1" max="1" width="4" style="206" customWidth="1"/>
    <col min="2" max="2" width="9.625" style="206" customWidth="1"/>
    <col min="3" max="4" width="7.625" style="206" customWidth="1"/>
    <col min="5" max="5" width="4.125" style="206" customWidth="1"/>
    <col min="6" max="8" width="7.625" style="206" customWidth="1"/>
    <col min="9" max="9" width="4.125" style="206" customWidth="1"/>
    <col min="10" max="12" width="7.625" style="206" customWidth="1"/>
    <col min="13" max="13" width="4.125" style="206" customWidth="1"/>
    <col min="14" max="16" width="7.625" style="206" customWidth="1"/>
    <col min="17" max="17" width="4.125" style="206" customWidth="1"/>
    <col min="18" max="18" width="7.625" style="206" customWidth="1"/>
    <col min="19" max="23" width="5.625" style="206" customWidth="1"/>
    <col min="24" max="37" width="6.5" style="206" customWidth="1"/>
    <col min="38" max="16384" width="9" style="206"/>
  </cols>
  <sheetData>
    <row r="1" spans="1:25" ht="16.5" customHeight="1" x14ac:dyDescent="0.15">
      <c r="A1" s="382" t="s">
        <v>186</v>
      </c>
      <c r="B1" s="382"/>
      <c r="C1" s="382"/>
      <c r="D1" s="382"/>
      <c r="E1" s="382"/>
      <c r="F1" s="382"/>
      <c r="G1" s="382"/>
      <c r="H1" s="382"/>
      <c r="I1" s="382"/>
      <c r="J1" s="382"/>
      <c r="K1" s="382"/>
      <c r="L1" s="382"/>
      <c r="M1" s="382"/>
      <c r="N1" s="382"/>
      <c r="X1" s="313"/>
    </row>
    <row r="2" spans="1:25" ht="11.1" customHeight="1" thickBot="1" x14ac:dyDescent="0.2">
      <c r="X2" s="323"/>
      <c r="Y2" s="312"/>
    </row>
    <row r="3" spans="1:25" ht="11.45" customHeight="1" x14ac:dyDescent="0.15">
      <c r="A3" s="389" t="s">
        <v>57</v>
      </c>
      <c r="B3" s="390"/>
      <c r="C3" s="409" t="s">
        <v>185</v>
      </c>
      <c r="D3" s="410"/>
      <c r="E3" s="410"/>
      <c r="F3" s="410"/>
      <c r="G3" s="410"/>
      <c r="H3" s="410"/>
      <c r="I3" s="410"/>
      <c r="J3" s="411"/>
      <c r="K3" s="395" t="s">
        <v>184</v>
      </c>
      <c r="L3" s="396"/>
      <c r="M3" s="396"/>
      <c r="N3" s="401"/>
      <c r="O3" s="395" t="s">
        <v>183</v>
      </c>
      <c r="P3" s="396"/>
      <c r="Q3" s="396"/>
      <c r="R3" s="397"/>
      <c r="S3" s="383" t="s">
        <v>182</v>
      </c>
      <c r="T3" s="384"/>
      <c r="U3" s="384"/>
      <c r="V3" s="384"/>
      <c r="W3" s="385"/>
    </row>
    <row r="4" spans="1:25" ht="11.45" customHeight="1" x14ac:dyDescent="0.15">
      <c r="A4" s="391"/>
      <c r="B4" s="392"/>
      <c r="C4" s="403" t="s">
        <v>181</v>
      </c>
      <c r="D4" s="404"/>
      <c r="E4" s="404"/>
      <c r="F4" s="405"/>
      <c r="G4" s="403" t="s">
        <v>180</v>
      </c>
      <c r="H4" s="404"/>
      <c r="I4" s="404"/>
      <c r="J4" s="405"/>
      <c r="K4" s="398"/>
      <c r="L4" s="399"/>
      <c r="M4" s="399"/>
      <c r="N4" s="402"/>
      <c r="O4" s="398"/>
      <c r="P4" s="399"/>
      <c r="Q4" s="399"/>
      <c r="R4" s="400"/>
      <c r="S4" s="386"/>
      <c r="T4" s="387"/>
      <c r="U4" s="387"/>
      <c r="V4" s="387"/>
      <c r="W4" s="388"/>
    </row>
    <row r="5" spans="1:25" ht="11.45" customHeight="1" x14ac:dyDescent="0.15">
      <c r="A5" s="391"/>
      <c r="B5" s="392"/>
      <c r="C5" s="311" t="s">
        <v>179</v>
      </c>
      <c r="D5" s="311" t="s">
        <v>175</v>
      </c>
      <c r="E5" s="145" t="s">
        <v>111</v>
      </c>
      <c r="F5" s="310" t="s">
        <v>190</v>
      </c>
      <c r="G5" s="311" t="s">
        <v>179</v>
      </c>
      <c r="H5" s="311" t="s">
        <v>175</v>
      </c>
      <c r="I5" s="145" t="s">
        <v>111</v>
      </c>
      <c r="J5" s="310" t="s">
        <v>190</v>
      </c>
      <c r="K5" s="311" t="s">
        <v>179</v>
      </c>
      <c r="L5" s="311" t="s">
        <v>175</v>
      </c>
      <c r="M5" s="145" t="s">
        <v>111</v>
      </c>
      <c r="N5" s="310" t="s">
        <v>190</v>
      </c>
      <c r="O5" s="311" t="s">
        <v>179</v>
      </c>
      <c r="P5" s="311" t="s">
        <v>175</v>
      </c>
      <c r="Q5" s="145" t="s">
        <v>111</v>
      </c>
      <c r="R5" s="310" t="s">
        <v>190</v>
      </c>
      <c r="S5" s="406" t="s">
        <v>178</v>
      </c>
      <c r="T5" s="407"/>
      <c r="U5" s="408" t="s">
        <v>177</v>
      </c>
      <c r="V5" s="407"/>
      <c r="W5" s="309" t="s">
        <v>176</v>
      </c>
    </row>
    <row r="6" spans="1:25" s="208" customFormat="1" ht="11.45" customHeight="1" x14ac:dyDescent="0.15">
      <c r="A6" s="393"/>
      <c r="B6" s="394"/>
      <c r="C6" s="303" t="s">
        <v>175</v>
      </c>
      <c r="D6" s="308" t="s">
        <v>174</v>
      </c>
      <c r="E6" s="140" t="s">
        <v>107</v>
      </c>
      <c r="F6" s="304" t="s">
        <v>173</v>
      </c>
      <c r="G6" s="303" t="s">
        <v>175</v>
      </c>
      <c r="H6" s="307" t="s">
        <v>174</v>
      </c>
      <c r="I6" s="140" t="s">
        <v>107</v>
      </c>
      <c r="J6" s="304" t="s">
        <v>173</v>
      </c>
      <c r="K6" s="303" t="s">
        <v>175</v>
      </c>
      <c r="L6" s="306" t="s">
        <v>174</v>
      </c>
      <c r="M6" s="140" t="s">
        <v>107</v>
      </c>
      <c r="N6" s="304" t="s">
        <v>173</v>
      </c>
      <c r="O6" s="303" t="s">
        <v>175</v>
      </c>
      <c r="P6" s="306" t="s">
        <v>174</v>
      </c>
      <c r="Q6" s="140" t="s">
        <v>107</v>
      </c>
      <c r="R6" s="305" t="s">
        <v>173</v>
      </c>
      <c r="S6" s="304" t="s">
        <v>172</v>
      </c>
      <c r="T6" s="302" t="s">
        <v>171</v>
      </c>
      <c r="U6" s="303" t="s">
        <v>170</v>
      </c>
      <c r="V6" s="302" t="s">
        <v>169</v>
      </c>
      <c r="W6" s="301" t="s">
        <v>168</v>
      </c>
    </row>
    <row r="7" spans="1:25" s="246" customFormat="1" ht="12.2" customHeight="1" x14ac:dyDescent="0.15">
      <c r="A7" s="271">
        <v>1</v>
      </c>
      <c r="B7" s="287" t="s">
        <v>167</v>
      </c>
      <c r="C7" s="259">
        <v>981</v>
      </c>
      <c r="D7" s="260">
        <v>1184</v>
      </c>
      <c r="E7" s="290">
        <v>7</v>
      </c>
      <c r="F7" s="269">
        <v>203</v>
      </c>
      <c r="G7" s="259">
        <v>504</v>
      </c>
      <c r="H7" s="258">
        <v>426</v>
      </c>
      <c r="I7" s="290">
        <v>13</v>
      </c>
      <c r="J7" s="269">
        <v>-78</v>
      </c>
      <c r="K7" s="257">
        <v>670</v>
      </c>
      <c r="L7" s="279">
        <v>511</v>
      </c>
      <c r="M7" s="290">
        <v>7</v>
      </c>
      <c r="N7" s="269">
        <v>-159</v>
      </c>
      <c r="O7" s="268">
        <v>2155</v>
      </c>
      <c r="P7" s="268">
        <v>2121</v>
      </c>
      <c r="Q7" s="290">
        <v>6</v>
      </c>
      <c r="R7" s="266">
        <v>-34</v>
      </c>
      <c r="S7" s="265">
        <v>0</v>
      </c>
      <c r="T7" s="264">
        <v>2</v>
      </c>
      <c r="U7" s="265">
        <v>0</v>
      </c>
      <c r="V7" s="264">
        <v>1</v>
      </c>
      <c r="W7" s="263">
        <v>2</v>
      </c>
    </row>
    <row r="8" spans="1:25" s="246" customFormat="1" ht="12.2" customHeight="1" x14ac:dyDescent="0.15">
      <c r="A8" s="271">
        <v>2</v>
      </c>
      <c r="B8" s="287" t="s">
        <v>166</v>
      </c>
      <c r="C8" s="259">
        <v>1337</v>
      </c>
      <c r="D8" s="260">
        <v>1171</v>
      </c>
      <c r="E8" s="267">
        <v>9</v>
      </c>
      <c r="F8" s="269">
        <v>-166</v>
      </c>
      <c r="G8" s="259">
        <v>496</v>
      </c>
      <c r="H8" s="258">
        <v>469</v>
      </c>
      <c r="I8" s="267">
        <v>8</v>
      </c>
      <c r="J8" s="269">
        <v>-27</v>
      </c>
      <c r="K8" s="257">
        <v>814</v>
      </c>
      <c r="L8" s="256">
        <v>467</v>
      </c>
      <c r="M8" s="267">
        <v>10</v>
      </c>
      <c r="N8" s="269">
        <v>-347</v>
      </c>
      <c r="O8" s="268">
        <v>2647</v>
      </c>
      <c r="P8" s="268">
        <v>2107</v>
      </c>
      <c r="Q8" s="267">
        <v>7</v>
      </c>
      <c r="R8" s="266">
        <v>-540</v>
      </c>
      <c r="S8" s="265">
        <v>0</v>
      </c>
      <c r="T8" s="264">
        <v>1</v>
      </c>
      <c r="U8" s="265">
        <v>6</v>
      </c>
      <c r="V8" s="264">
        <v>0</v>
      </c>
      <c r="W8" s="263">
        <v>2</v>
      </c>
    </row>
    <row r="9" spans="1:25" s="246" customFormat="1" ht="12.2" customHeight="1" x14ac:dyDescent="0.15">
      <c r="A9" s="271">
        <v>3</v>
      </c>
      <c r="B9" s="287" t="s">
        <v>165</v>
      </c>
      <c r="C9" s="259">
        <v>731</v>
      </c>
      <c r="D9" s="260">
        <v>736</v>
      </c>
      <c r="E9" s="267">
        <v>16</v>
      </c>
      <c r="F9" s="269">
        <v>5</v>
      </c>
      <c r="G9" s="259">
        <v>469</v>
      </c>
      <c r="H9" s="258">
        <v>376</v>
      </c>
      <c r="I9" s="267">
        <v>18</v>
      </c>
      <c r="J9" s="269">
        <v>-93</v>
      </c>
      <c r="K9" s="257">
        <v>424</v>
      </c>
      <c r="L9" s="256">
        <v>618</v>
      </c>
      <c r="M9" s="267">
        <v>4</v>
      </c>
      <c r="N9" s="269">
        <v>194</v>
      </c>
      <c r="O9" s="268">
        <v>1624</v>
      </c>
      <c r="P9" s="268">
        <v>1730</v>
      </c>
      <c r="Q9" s="267">
        <v>8</v>
      </c>
      <c r="R9" s="266">
        <v>106</v>
      </c>
      <c r="S9" s="265">
        <v>0</v>
      </c>
      <c r="T9" s="264">
        <v>0</v>
      </c>
      <c r="U9" s="265">
        <v>4</v>
      </c>
      <c r="V9" s="264">
        <v>0</v>
      </c>
      <c r="W9" s="263">
        <v>0</v>
      </c>
    </row>
    <row r="10" spans="1:25" s="246" customFormat="1" ht="12.2" customHeight="1" x14ac:dyDescent="0.15">
      <c r="A10" s="271">
        <v>4</v>
      </c>
      <c r="B10" s="287" t="s">
        <v>164</v>
      </c>
      <c r="C10" s="259">
        <v>871</v>
      </c>
      <c r="D10" s="260">
        <v>699</v>
      </c>
      <c r="E10" s="267">
        <v>18</v>
      </c>
      <c r="F10" s="269">
        <v>-172</v>
      </c>
      <c r="G10" s="259">
        <v>589</v>
      </c>
      <c r="H10" s="258">
        <v>462</v>
      </c>
      <c r="I10" s="267">
        <v>9</v>
      </c>
      <c r="J10" s="269">
        <v>-127</v>
      </c>
      <c r="K10" s="257">
        <v>491</v>
      </c>
      <c r="L10" s="256">
        <v>380</v>
      </c>
      <c r="M10" s="267">
        <v>14</v>
      </c>
      <c r="N10" s="269">
        <v>-111</v>
      </c>
      <c r="O10" s="268">
        <v>1951</v>
      </c>
      <c r="P10" s="268">
        <v>1541</v>
      </c>
      <c r="Q10" s="267">
        <v>15</v>
      </c>
      <c r="R10" s="266">
        <v>-410</v>
      </c>
      <c r="S10" s="265">
        <v>0</v>
      </c>
      <c r="T10" s="264">
        <v>0</v>
      </c>
      <c r="U10" s="265">
        <v>1</v>
      </c>
      <c r="V10" s="264">
        <v>0</v>
      </c>
      <c r="W10" s="263">
        <v>0</v>
      </c>
    </row>
    <row r="11" spans="1:25" s="246" customFormat="1" ht="12.2" customHeight="1" x14ac:dyDescent="0.15">
      <c r="A11" s="271">
        <v>5</v>
      </c>
      <c r="B11" s="287" t="s">
        <v>163</v>
      </c>
      <c r="C11" s="259">
        <v>745</v>
      </c>
      <c r="D11" s="260">
        <v>587</v>
      </c>
      <c r="E11" s="267">
        <v>21</v>
      </c>
      <c r="F11" s="269">
        <v>-158</v>
      </c>
      <c r="G11" s="259">
        <v>634</v>
      </c>
      <c r="H11" s="258">
        <v>541</v>
      </c>
      <c r="I11" s="267">
        <v>5</v>
      </c>
      <c r="J11" s="269">
        <v>-93</v>
      </c>
      <c r="K11" s="257">
        <v>193</v>
      </c>
      <c r="L11" s="256">
        <v>0</v>
      </c>
      <c r="M11" s="267">
        <v>24</v>
      </c>
      <c r="N11" s="269">
        <v>-193</v>
      </c>
      <c r="O11" s="268">
        <v>1572</v>
      </c>
      <c r="P11" s="268">
        <v>1128</v>
      </c>
      <c r="Q11" s="267">
        <v>22</v>
      </c>
      <c r="R11" s="266">
        <v>-444</v>
      </c>
      <c r="S11" s="265">
        <v>0</v>
      </c>
      <c r="T11" s="264">
        <v>0</v>
      </c>
      <c r="U11" s="265">
        <v>1</v>
      </c>
      <c r="V11" s="264">
        <v>0</v>
      </c>
      <c r="W11" s="263">
        <v>3</v>
      </c>
    </row>
    <row r="12" spans="1:25" s="246" customFormat="1" ht="12.2" customHeight="1" x14ac:dyDescent="0.15">
      <c r="A12" s="271">
        <v>6</v>
      </c>
      <c r="B12" s="287" t="s">
        <v>162</v>
      </c>
      <c r="C12" s="259">
        <v>1507</v>
      </c>
      <c r="D12" s="260">
        <v>1535</v>
      </c>
      <c r="E12" s="267">
        <v>1</v>
      </c>
      <c r="F12" s="269">
        <v>28</v>
      </c>
      <c r="G12" s="259">
        <v>606</v>
      </c>
      <c r="H12" s="258">
        <v>425</v>
      </c>
      <c r="I12" s="267">
        <v>14</v>
      </c>
      <c r="J12" s="269">
        <v>-181</v>
      </c>
      <c r="K12" s="257">
        <v>122</v>
      </c>
      <c r="L12" s="256">
        <v>412</v>
      </c>
      <c r="M12" s="267">
        <v>12</v>
      </c>
      <c r="N12" s="269">
        <v>290</v>
      </c>
      <c r="O12" s="268">
        <v>2235</v>
      </c>
      <c r="P12" s="268">
        <v>2372</v>
      </c>
      <c r="Q12" s="267">
        <v>4</v>
      </c>
      <c r="R12" s="266">
        <v>137</v>
      </c>
      <c r="S12" s="265">
        <v>0</v>
      </c>
      <c r="T12" s="264">
        <v>0</v>
      </c>
      <c r="U12" s="265">
        <v>5</v>
      </c>
      <c r="V12" s="264">
        <v>0</v>
      </c>
      <c r="W12" s="263">
        <v>3</v>
      </c>
    </row>
    <row r="13" spans="1:25" s="246" customFormat="1" ht="12.2" customHeight="1" x14ac:dyDescent="0.15">
      <c r="A13" s="271">
        <v>7</v>
      </c>
      <c r="B13" s="287" t="s">
        <v>161</v>
      </c>
      <c r="C13" s="259">
        <v>1146</v>
      </c>
      <c r="D13" s="260">
        <v>1183</v>
      </c>
      <c r="E13" s="267">
        <v>8</v>
      </c>
      <c r="F13" s="269">
        <v>37</v>
      </c>
      <c r="G13" s="259">
        <v>790</v>
      </c>
      <c r="H13" s="258">
        <v>290</v>
      </c>
      <c r="I13" s="267">
        <v>24</v>
      </c>
      <c r="J13" s="269">
        <v>-500</v>
      </c>
      <c r="K13" s="257">
        <v>190</v>
      </c>
      <c r="L13" s="256">
        <v>78</v>
      </c>
      <c r="M13" s="267">
        <v>20</v>
      </c>
      <c r="N13" s="269">
        <v>-112</v>
      </c>
      <c r="O13" s="268">
        <v>2126</v>
      </c>
      <c r="P13" s="268">
        <v>1551</v>
      </c>
      <c r="Q13" s="267">
        <v>14</v>
      </c>
      <c r="R13" s="266">
        <v>-575</v>
      </c>
      <c r="S13" s="265">
        <v>0</v>
      </c>
      <c r="T13" s="264">
        <v>1</v>
      </c>
      <c r="U13" s="265">
        <v>4</v>
      </c>
      <c r="V13" s="264">
        <v>0</v>
      </c>
      <c r="W13" s="263">
        <v>3</v>
      </c>
    </row>
    <row r="14" spans="1:25" s="246" customFormat="1" ht="12.2" customHeight="1" x14ac:dyDescent="0.15">
      <c r="A14" s="271">
        <v>8</v>
      </c>
      <c r="B14" s="287" t="s">
        <v>160</v>
      </c>
      <c r="C14" s="259">
        <v>1313</v>
      </c>
      <c r="D14" s="260">
        <v>1370</v>
      </c>
      <c r="E14" s="267">
        <v>4</v>
      </c>
      <c r="F14" s="269">
        <v>57</v>
      </c>
      <c r="G14" s="259">
        <v>375</v>
      </c>
      <c r="H14" s="258">
        <v>960</v>
      </c>
      <c r="I14" s="267">
        <v>1</v>
      </c>
      <c r="J14" s="269">
        <v>585</v>
      </c>
      <c r="K14" s="257">
        <v>353</v>
      </c>
      <c r="L14" s="256">
        <v>625</v>
      </c>
      <c r="M14" s="267">
        <v>3</v>
      </c>
      <c r="N14" s="269">
        <v>272</v>
      </c>
      <c r="O14" s="268">
        <v>2041</v>
      </c>
      <c r="P14" s="268">
        <v>2955</v>
      </c>
      <c r="Q14" s="267">
        <v>2</v>
      </c>
      <c r="R14" s="266">
        <v>914</v>
      </c>
      <c r="S14" s="265">
        <v>0</v>
      </c>
      <c r="T14" s="264">
        <v>1</v>
      </c>
      <c r="U14" s="265">
        <v>5</v>
      </c>
      <c r="V14" s="264">
        <v>2</v>
      </c>
      <c r="W14" s="263">
        <v>0</v>
      </c>
    </row>
    <row r="15" spans="1:25" s="246" customFormat="1" ht="12.2" customHeight="1" x14ac:dyDescent="0.15">
      <c r="A15" s="271">
        <v>9</v>
      </c>
      <c r="B15" s="287" t="s">
        <v>159</v>
      </c>
      <c r="C15" s="259">
        <v>25</v>
      </c>
      <c r="D15" s="260">
        <v>5</v>
      </c>
      <c r="E15" s="267">
        <v>33</v>
      </c>
      <c r="F15" s="269">
        <v>-20</v>
      </c>
      <c r="G15" s="259">
        <v>861</v>
      </c>
      <c r="H15" s="258">
        <v>349</v>
      </c>
      <c r="I15" s="267">
        <v>21</v>
      </c>
      <c r="J15" s="269">
        <v>-512</v>
      </c>
      <c r="K15" s="257">
        <v>0</v>
      </c>
      <c r="L15" s="256">
        <v>0</v>
      </c>
      <c r="M15" s="267">
        <v>24</v>
      </c>
      <c r="N15" s="269">
        <v>0</v>
      </c>
      <c r="O15" s="268">
        <v>886</v>
      </c>
      <c r="P15" s="268">
        <v>354</v>
      </c>
      <c r="Q15" s="267">
        <v>31</v>
      </c>
      <c r="R15" s="266">
        <v>-532</v>
      </c>
      <c r="S15" s="265">
        <v>0</v>
      </c>
      <c r="T15" s="264">
        <v>0</v>
      </c>
      <c r="U15" s="265">
        <v>0</v>
      </c>
      <c r="V15" s="264">
        <v>0</v>
      </c>
      <c r="W15" s="263">
        <v>2</v>
      </c>
    </row>
    <row r="16" spans="1:25" s="246" customFormat="1" ht="12.2" customHeight="1" x14ac:dyDescent="0.15">
      <c r="A16" s="271">
        <v>10</v>
      </c>
      <c r="B16" s="287" t="s">
        <v>158</v>
      </c>
      <c r="C16" s="259">
        <v>1888</v>
      </c>
      <c r="D16" s="260">
        <v>1294</v>
      </c>
      <c r="E16" s="267">
        <v>5</v>
      </c>
      <c r="F16" s="269">
        <v>-594</v>
      </c>
      <c r="G16" s="259">
        <v>300</v>
      </c>
      <c r="H16" s="258">
        <v>356</v>
      </c>
      <c r="I16" s="267">
        <v>20</v>
      </c>
      <c r="J16" s="269">
        <v>56</v>
      </c>
      <c r="K16" s="257">
        <v>660</v>
      </c>
      <c r="L16" s="256">
        <v>703</v>
      </c>
      <c r="M16" s="267">
        <v>2</v>
      </c>
      <c r="N16" s="269">
        <v>43</v>
      </c>
      <c r="O16" s="268">
        <v>2848</v>
      </c>
      <c r="P16" s="268">
        <v>2353</v>
      </c>
      <c r="Q16" s="267">
        <v>5</v>
      </c>
      <c r="R16" s="266">
        <v>-495</v>
      </c>
      <c r="S16" s="265">
        <v>0</v>
      </c>
      <c r="T16" s="264">
        <v>0</v>
      </c>
      <c r="U16" s="265">
        <v>0</v>
      </c>
      <c r="V16" s="264">
        <v>0</v>
      </c>
      <c r="W16" s="263">
        <v>0</v>
      </c>
    </row>
    <row r="17" spans="1:23" s="246" customFormat="1" ht="12.2" customHeight="1" x14ac:dyDescent="0.15">
      <c r="A17" s="271">
        <v>11</v>
      </c>
      <c r="B17" s="287" t="s">
        <v>157</v>
      </c>
      <c r="C17" s="259">
        <v>866</v>
      </c>
      <c r="D17" s="260">
        <v>763</v>
      </c>
      <c r="E17" s="267">
        <v>15</v>
      </c>
      <c r="F17" s="269">
        <v>-103</v>
      </c>
      <c r="G17" s="259">
        <v>465</v>
      </c>
      <c r="H17" s="258">
        <v>311</v>
      </c>
      <c r="I17" s="267">
        <v>23</v>
      </c>
      <c r="J17" s="269">
        <v>-154</v>
      </c>
      <c r="K17" s="257">
        <v>506</v>
      </c>
      <c r="L17" s="256">
        <v>562</v>
      </c>
      <c r="M17" s="267">
        <v>6</v>
      </c>
      <c r="N17" s="269">
        <v>56</v>
      </c>
      <c r="O17" s="268">
        <v>1837</v>
      </c>
      <c r="P17" s="268">
        <v>1636</v>
      </c>
      <c r="Q17" s="267">
        <v>13</v>
      </c>
      <c r="R17" s="266">
        <v>-201</v>
      </c>
      <c r="S17" s="265">
        <v>0</v>
      </c>
      <c r="T17" s="264">
        <v>0</v>
      </c>
      <c r="U17" s="265">
        <v>0</v>
      </c>
      <c r="V17" s="264">
        <v>0</v>
      </c>
      <c r="W17" s="263">
        <v>1</v>
      </c>
    </row>
    <row r="18" spans="1:23" s="246" customFormat="1" ht="12.2" customHeight="1" x14ac:dyDescent="0.15">
      <c r="A18" s="271">
        <v>12</v>
      </c>
      <c r="B18" s="287" t="s">
        <v>156</v>
      </c>
      <c r="C18" s="259">
        <v>641</v>
      </c>
      <c r="D18" s="260">
        <v>511</v>
      </c>
      <c r="E18" s="267">
        <v>25</v>
      </c>
      <c r="F18" s="269">
        <v>-130</v>
      </c>
      <c r="G18" s="259">
        <v>448</v>
      </c>
      <c r="H18" s="258">
        <v>388</v>
      </c>
      <c r="I18" s="267">
        <v>17</v>
      </c>
      <c r="J18" s="269">
        <v>-60</v>
      </c>
      <c r="K18" s="257">
        <v>71</v>
      </c>
      <c r="L18" s="256">
        <v>350</v>
      </c>
      <c r="M18" s="267">
        <v>15</v>
      </c>
      <c r="N18" s="269">
        <v>279</v>
      </c>
      <c r="O18" s="268">
        <v>1160</v>
      </c>
      <c r="P18" s="268">
        <v>1249</v>
      </c>
      <c r="Q18" s="267">
        <v>17</v>
      </c>
      <c r="R18" s="266">
        <v>89</v>
      </c>
      <c r="S18" s="265">
        <v>0</v>
      </c>
      <c r="T18" s="264">
        <v>1</v>
      </c>
      <c r="U18" s="265">
        <v>3</v>
      </c>
      <c r="V18" s="264">
        <v>0</v>
      </c>
      <c r="W18" s="263">
        <v>0</v>
      </c>
    </row>
    <row r="19" spans="1:23" s="246" customFormat="1" ht="12.2" customHeight="1" x14ac:dyDescent="0.15">
      <c r="A19" s="271">
        <v>13</v>
      </c>
      <c r="B19" s="287" t="s">
        <v>155</v>
      </c>
      <c r="C19" s="259">
        <v>326</v>
      </c>
      <c r="D19" s="260">
        <v>256</v>
      </c>
      <c r="E19" s="267">
        <v>28</v>
      </c>
      <c r="F19" s="269">
        <v>-70</v>
      </c>
      <c r="G19" s="259">
        <v>384</v>
      </c>
      <c r="H19" s="258">
        <v>225</v>
      </c>
      <c r="I19" s="267">
        <v>27</v>
      </c>
      <c r="J19" s="269">
        <v>-159</v>
      </c>
      <c r="K19" s="257">
        <v>543</v>
      </c>
      <c r="L19" s="256">
        <v>403</v>
      </c>
      <c r="M19" s="267">
        <v>13</v>
      </c>
      <c r="N19" s="269">
        <v>-140</v>
      </c>
      <c r="O19" s="268">
        <v>1253</v>
      </c>
      <c r="P19" s="268">
        <v>884</v>
      </c>
      <c r="Q19" s="267">
        <v>26</v>
      </c>
      <c r="R19" s="266">
        <v>-369</v>
      </c>
      <c r="S19" s="265">
        <v>0</v>
      </c>
      <c r="T19" s="264">
        <v>1</v>
      </c>
      <c r="U19" s="265">
        <v>0</v>
      </c>
      <c r="V19" s="264">
        <v>0</v>
      </c>
      <c r="W19" s="263">
        <v>1</v>
      </c>
    </row>
    <row r="20" spans="1:23" s="246" customFormat="1" ht="12.2" customHeight="1" x14ac:dyDescent="0.15">
      <c r="A20" s="271">
        <v>14</v>
      </c>
      <c r="B20" s="287" t="s">
        <v>154</v>
      </c>
      <c r="C20" s="259">
        <v>708</v>
      </c>
      <c r="D20" s="260">
        <v>940</v>
      </c>
      <c r="E20" s="267">
        <v>12</v>
      </c>
      <c r="F20" s="269">
        <v>232</v>
      </c>
      <c r="G20" s="259">
        <v>18</v>
      </c>
      <c r="H20" s="258">
        <v>25</v>
      </c>
      <c r="I20" s="267">
        <v>33</v>
      </c>
      <c r="J20" s="269">
        <v>7</v>
      </c>
      <c r="K20" s="257">
        <v>165</v>
      </c>
      <c r="L20" s="256">
        <v>262</v>
      </c>
      <c r="M20" s="267">
        <v>17</v>
      </c>
      <c r="N20" s="269">
        <v>97</v>
      </c>
      <c r="O20" s="268">
        <v>891</v>
      </c>
      <c r="P20" s="268">
        <v>1227</v>
      </c>
      <c r="Q20" s="267">
        <v>18</v>
      </c>
      <c r="R20" s="266">
        <v>336</v>
      </c>
      <c r="S20" s="265">
        <v>0</v>
      </c>
      <c r="T20" s="264">
        <v>0</v>
      </c>
      <c r="U20" s="265">
        <v>2</v>
      </c>
      <c r="V20" s="264">
        <v>0</v>
      </c>
      <c r="W20" s="263">
        <v>0</v>
      </c>
    </row>
    <row r="21" spans="1:23" s="246" customFormat="1" ht="12.2" customHeight="1" x14ac:dyDescent="0.15">
      <c r="A21" s="271">
        <v>15</v>
      </c>
      <c r="B21" s="287" t="s">
        <v>153</v>
      </c>
      <c r="C21" s="259">
        <v>648</v>
      </c>
      <c r="D21" s="260">
        <v>789</v>
      </c>
      <c r="E21" s="267">
        <v>14</v>
      </c>
      <c r="F21" s="269">
        <v>141</v>
      </c>
      <c r="G21" s="259">
        <v>301</v>
      </c>
      <c r="H21" s="258">
        <v>423</v>
      </c>
      <c r="I21" s="267">
        <v>16</v>
      </c>
      <c r="J21" s="269">
        <v>122</v>
      </c>
      <c r="K21" s="257">
        <v>160</v>
      </c>
      <c r="L21" s="256">
        <v>478</v>
      </c>
      <c r="M21" s="267">
        <v>8</v>
      </c>
      <c r="N21" s="269">
        <v>318</v>
      </c>
      <c r="O21" s="268">
        <v>1109</v>
      </c>
      <c r="P21" s="268">
        <v>1690</v>
      </c>
      <c r="Q21" s="267">
        <v>12</v>
      </c>
      <c r="R21" s="266">
        <v>581</v>
      </c>
      <c r="S21" s="265">
        <v>0</v>
      </c>
      <c r="T21" s="264">
        <v>1</v>
      </c>
      <c r="U21" s="265">
        <v>0</v>
      </c>
      <c r="V21" s="264">
        <v>0</v>
      </c>
      <c r="W21" s="263">
        <v>2</v>
      </c>
    </row>
    <row r="22" spans="1:23" s="246" customFormat="1" ht="12.2" customHeight="1" x14ac:dyDescent="0.15">
      <c r="A22" s="271">
        <v>16</v>
      </c>
      <c r="B22" s="287" t="s">
        <v>152</v>
      </c>
      <c r="C22" s="259">
        <v>435</v>
      </c>
      <c r="D22" s="260">
        <v>1287</v>
      </c>
      <c r="E22" s="267">
        <v>6</v>
      </c>
      <c r="F22" s="269">
        <v>852</v>
      </c>
      <c r="G22" s="259">
        <v>294</v>
      </c>
      <c r="H22" s="258">
        <v>195</v>
      </c>
      <c r="I22" s="267">
        <v>29</v>
      </c>
      <c r="J22" s="269">
        <v>-99</v>
      </c>
      <c r="K22" s="257">
        <v>112</v>
      </c>
      <c r="L22" s="256">
        <v>240</v>
      </c>
      <c r="M22" s="267">
        <v>18</v>
      </c>
      <c r="N22" s="269">
        <v>128</v>
      </c>
      <c r="O22" s="268">
        <v>841</v>
      </c>
      <c r="P22" s="268">
        <v>1722</v>
      </c>
      <c r="Q22" s="267">
        <v>10</v>
      </c>
      <c r="R22" s="266">
        <v>881</v>
      </c>
      <c r="S22" s="265">
        <v>3</v>
      </c>
      <c r="T22" s="264">
        <v>2</v>
      </c>
      <c r="U22" s="265">
        <v>0</v>
      </c>
      <c r="V22" s="264">
        <v>0</v>
      </c>
      <c r="W22" s="263">
        <v>3</v>
      </c>
    </row>
    <row r="23" spans="1:23" s="246" customFormat="1" ht="12.2" customHeight="1" x14ac:dyDescent="0.15">
      <c r="A23" s="271">
        <v>17</v>
      </c>
      <c r="B23" s="287" t="s">
        <v>151</v>
      </c>
      <c r="C23" s="259">
        <v>1207</v>
      </c>
      <c r="D23" s="260">
        <v>1454</v>
      </c>
      <c r="E23" s="267">
        <v>3</v>
      </c>
      <c r="F23" s="269">
        <v>247</v>
      </c>
      <c r="G23" s="259">
        <v>608</v>
      </c>
      <c r="H23" s="258">
        <v>524</v>
      </c>
      <c r="I23" s="267">
        <v>6</v>
      </c>
      <c r="J23" s="269">
        <v>-84</v>
      </c>
      <c r="K23" s="257">
        <v>194</v>
      </c>
      <c r="L23" s="256">
        <v>476</v>
      </c>
      <c r="M23" s="267">
        <v>9</v>
      </c>
      <c r="N23" s="269">
        <v>282</v>
      </c>
      <c r="O23" s="268">
        <v>2009</v>
      </c>
      <c r="P23" s="268">
        <v>2454</v>
      </c>
      <c r="Q23" s="267">
        <v>3</v>
      </c>
      <c r="R23" s="266">
        <v>445</v>
      </c>
      <c r="S23" s="265">
        <v>0</v>
      </c>
      <c r="T23" s="264">
        <v>1</v>
      </c>
      <c r="U23" s="265">
        <v>2</v>
      </c>
      <c r="V23" s="264">
        <v>0</v>
      </c>
      <c r="W23" s="263">
        <v>1</v>
      </c>
    </row>
    <row r="24" spans="1:23" s="246" customFormat="1" ht="12.2" customHeight="1" x14ac:dyDescent="0.15">
      <c r="A24" s="271">
        <v>18</v>
      </c>
      <c r="B24" s="287" t="s">
        <v>150</v>
      </c>
      <c r="C24" s="259">
        <v>1543</v>
      </c>
      <c r="D24" s="260">
        <v>550</v>
      </c>
      <c r="E24" s="267">
        <v>22</v>
      </c>
      <c r="F24" s="269">
        <v>-993</v>
      </c>
      <c r="G24" s="259">
        <v>184</v>
      </c>
      <c r="H24" s="258">
        <v>456</v>
      </c>
      <c r="I24" s="267">
        <v>10</v>
      </c>
      <c r="J24" s="269">
        <v>272</v>
      </c>
      <c r="K24" s="257">
        <v>5</v>
      </c>
      <c r="L24" s="256">
        <v>0</v>
      </c>
      <c r="M24" s="267">
        <v>24</v>
      </c>
      <c r="N24" s="269">
        <v>-5</v>
      </c>
      <c r="O24" s="268">
        <v>1732</v>
      </c>
      <c r="P24" s="268">
        <v>1006</v>
      </c>
      <c r="Q24" s="267">
        <v>25</v>
      </c>
      <c r="R24" s="266">
        <v>-726</v>
      </c>
      <c r="S24" s="265">
        <v>0</v>
      </c>
      <c r="T24" s="264">
        <v>0</v>
      </c>
      <c r="U24" s="265">
        <v>0</v>
      </c>
      <c r="V24" s="264">
        <v>0</v>
      </c>
      <c r="W24" s="263">
        <v>1</v>
      </c>
    </row>
    <row r="25" spans="1:23" s="246" customFormat="1" ht="12.2" customHeight="1" x14ac:dyDescent="0.15">
      <c r="A25" s="271">
        <v>19</v>
      </c>
      <c r="B25" s="287" t="s">
        <v>149</v>
      </c>
      <c r="C25" s="300">
        <v>938</v>
      </c>
      <c r="D25" s="268">
        <v>705</v>
      </c>
      <c r="E25" s="267">
        <v>17</v>
      </c>
      <c r="F25" s="269">
        <v>-233</v>
      </c>
      <c r="G25" s="300">
        <v>657</v>
      </c>
      <c r="H25" s="280">
        <v>427</v>
      </c>
      <c r="I25" s="267">
        <v>11</v>
      </c>
      <c r="J25" s="269">
        <v>-230</v>
      </c>
      <c r="K25" s="299">
        <v>0</v>
      </c>
      <c r="L25" s="279">
        <v>0</v>
      </c>
      <c r="M25" s="267">
        <v>24</v>
      </c>
      <c r="N25" s="269">
        <v>0</v>
      </c>
      <c r="O25" s="268">
        <v>1595</v>
      </c>
      <c r="P25" s="268">
        <v>1132</v>
      </c>
      <c r="Q25" s="267">
        <v>21</v>
      </c>
      <c r="R25" s="266">
        <v>-463</v>
      </c>
      <c r="S25" s="298">
        <v>0</v>
      </c>
      <c r="T25" s="297">
        <v>0</v>
      </c>
      <c r="U25" s="298">
        <v>0</v>
      </c>
      <c r="V25" s="297">
        <v>0</v>
      </c>
      <c r="W25" s="263">
        <v>1</v>
      </c>
    </row>
    <row r="26" spans="1:23" s="246" customFormat="1" ht="12.2" customHeight="1" x14ac:dyDescent="0.15">
      <c r="A26" s="271">
        <v>20</v>
      </c>
      <c r="B26" s="287" t="s">
        <v>148</v>
      </c>
      <c r="C26" s="259">
        <v>188</v>
      </c>
      <c r="D26" s="260">
        <v>125</v>
      </c>
      <c r="E26" s="267">
        <v>29</v>
      </c>
      <c r="F26" s="269">
        <v>-63</v>
      </c>
      <c r="G26" s="259">
        <v>143</v>
      </c>
      <c r="H26" s="258">
        <v>682</v>
      </c>
      <c r="I26" s="267">
        <v>2</v>
      </c>
      <c r="J26" s="269">
        <v>539</v>
      </c>
      <c r="K26" s="295">
        <v>0</v>
      </c>
      <c r="L26" s="256">
        <v>1</v>
      </c>
      <c r="M26" s="267">
        <v>22</v>
      </c>
      <c r="N26" s="269">
        <v>1</v>
      </c>
      <c r="O26" s="268">
        <v>331</v>
      </c>
      <c r="P26" s="268">
        <v>808</v>
      </c>
      <c r="Q26" s="267">
        <v>29</v>
      </c>
      <c r="R26" s="266">
        <v>477</v>
      </c>
      <c r="S26" s="265">
        <v>0</v>
      </c>
      <c r="T26" s="264">
        <v>2</v>
      </c>
      <c r="U26" s="265">
        <v>0</v>
      </c>
      <c r="V26" s="264">
        <v>0</v>
      </c>
      <c r="W26" s="263">
        <v>1</v>
      </c>
    </row>
    <row r="27" spans="1:23" s="246" customFormat="1" ht="12.2" customHeight="1" x14ac:dyDescent="0.15">
      <c r="A27" s="271">
        <v>21</v>
      </c>
      <c r="B27" s="296" t="s">
        <v>147</v>
      </c>
      <c r="C27" s="259">
        <v>821</v>
      </c>
      <c r="D27" s="260">
        <v>512</v>
      </c>
      <c r="E27" s="290">
        <v>24</v>
      </c>
      <c r="F27" s="291">
        <v>-309</v>
      </c>
      <c r="G27" s="259">
        <v>1087</v>
      </c>
      <c r="H27" s="258">
        <v>606</v>
      </c>
      <c r="I27" s="290">
        <v>4</v>
      </c>
      <c r="J27" s="291">
        <v>-481</v>
      </c>
      <c r="K27" s="295">
        <v>177</v>
      </c>
      <c r="L27" s="256">
        <v>602</v>
      </c>
      <c r="M27" s="290">
        <v>5</v>
      </c>
      <c r="N27" s="294">
        <v>425</v>
      </c>
      <c r="O27" s="290">
        <v>2085</v>
      </c>
      <c r="P27" s="260">
        <v>1720</v>
      </c>
      <c r="Q27" s="290">
        <v>11</v>
      </c>
      <c r="R27" s="289">
        <v>-365</v>
      </c>
      <c r="S27" s="293">
        <v>0</v>
      </c>
      <c r="T27" s="264">
        <v>0</v>
      </c>
      <c r="U27" s="265">
        <v>3</v>
      </c>
      <c r="V27" s="264">
        <v>0</v>
      </c>
      <c r="W27" s="288">
        <v>2</v>
      </c>
    </row>
    <row r="28" spans="1:23" s="246" customFormat="1" ht="12.2" customHeight="1" x14ac:dyDescent="0.15">
      <c r="A28" s="271">
        <v>22</v>
      </c>
      <c r="B28" s="292" t="s">
        <v>146</v>
      </c>
      <c r="C28" s="259">
        <v>2192</v>
      </c>
      <c r="D28" s="260">
        <v>506</v>
      </c>
      <c r="E28" s="290">
        <v>26</v>
      </c>
      <c r="F28" s="291">
        <v>-1686</v>
      </c>
      <c r="G28" s="259">
        <v>255</v>
      </c>
      <c r="H28" s="258">
        <v>360</v>
      </c>
      <c r="I28" s="290">
        <v>19</v>
      </c>
      <c r="J28" s="291">
        <v>105</v>
      </c>
      <c r="K28" s="257">
        <v>33</v>
      </c>
      <c r="L28" s="256">
        <v>0</v>
      </c>
      <c r="M28" s="290">
        <v>24</v>
      </c>
      <c r="N28" s="291">
        <v>-33</v>
      </c>
      <c r="O28" s="260">
        <v>2480</v>
      </c>
      <c r="P28" s="260">
        <v>866</v>
      </c>
      <c r="Q28" s="290">
        <v>27</v>
      </c>
      <c r="R28" s="289">
        <v>-1614</v>
      </c>
      <c r="S28" s="265">
        <v>0</v>
      </c>
      <c r="T28" s="264">
        <v>0</v>
      </c>
      <c r="U28" s="265">
        <v>0</v>
      </c>
      <c r="V28" s="264">
        <v>0</v>
      </c>
      <c r="W28" s="288">
        <v>2</v>
      </c>
    </row>
    <row r="29" spans="1:23" s="246" customFormat="1" ht="12.2" customHeight="1" x14ac:dyDescent="0.15">
      <c r="A29" s="271">
        <v>23</v>
      </c>
      <c r="B29" s="287" t="s">
        <v>145</v>
      </c>
      <c r="C29" s="259">
        <v>286</v>
      </c>
      <c r="D29" s="260">
        <v>368</v>
      </c>
      <c r="E29" s="267">
        <v>27</v>
      </c>
      <c r="F29" s="269">
        <v>82</v>
      </c>
      <c r="G29" s="259">
        <v>199</v>
      </c>
      <c r="H29" s="258">
        <v>427</v>
      </c>
      <c r="I29" s="267">
        <v>11</v>
      </c>
      <c r="J29" s="269">
        <v>228</v>
      </c>
      <c r="K29" s="257">
        <v>379</v>
      </c>
      <c r="L29" s="256">
        <v>286</v>
      </c>
      <c r="M29" s="267">
        <v>16</v>
      </c>
      <c r="N29" s="269">
        <v>-93</v>
      </c>
      <c r="O29" s="268">
        <v>864</v>
      </c>
      <c r="P29" s="268">
        <v>1081</v>
      </c>
      <c r="Q29" s="267">
        <v>23</v>
      </c>
      <c r="R29" s="266">
        <v>217</v>
      </c>
      <c r="S29" s="265">
        <v>0</v>
      </c>
      <c r="T29" s="264">
        <v>0</v>
      </c>
      <c r="U29" s="265">
        <v>0</v>
      </c>
      <c r="V29" s="264">
        <v>0</v>
      </c>
      <c r="W29" s="263">
        <v>1</v>
      </c>
    </row>
    <row r="30" spans="1:23" s="246" customFormat="1" ht="12.2" customHeight="1" x14ac:dyDescent="0.15">
      <c r="A30" s="271">
        <v>24</v>
      </c>
      <c r="B30" s="287" t="s">
        <v>144</v>
      </c>
      <c r="C30" s="259">
        <v>1161</v>
      </c>
      <c r="D30" s="260">
        <v>1032</v>
      </c>
      <c r="E30" s="267">
        <v>10</v>
      </c>
      <c r="F30" s="269">
        <v>-129</v>
      </c>
      <c r="G30" s="259">
        <v>275</v>
      </c>
      <c r="H30" s="258">
        <v>239</v>
      </c>
      <c r="I30" s="267">
        <v>26</v>
      </c>
      <c r="J30" s="269">
        <v>-36</v>
      </c>
      <c r="K30" s="257">
        <v>2719</v>
      </c>
      <c r="L30" s="256">
        <v>2172</v>
      </c>
      <c r="M30" s="267">
        <v>1</v>
      </c>
      <c r="N30" s="269">
        <v>-547</v>
      </c>
      <c r="O30" s="268">
        <v>4155</v>
      </c>
      <c r="P30" s="268">
        <v>3443</v>
      </c>
      <c r="Q30" s="267">
        <v>1</v>
      </c>
      <c r="R30" s="266">
        <v>-712</v>
      </c>
      <c r="S30" s="265">
        <v>0</v>
      </c>
      <c r="T30" s="264">
        <v>0</v>
      </c>
      <c r="U30" s="265">
        <v>0</v>
      </c>
      <c r="V30" s="264">
        <v>0</v>
      </c>
      <c r="W30" s="263">
        <v>0</v>
      </c>
    </row>
    <row r="31" spans="1:23" s="246" customFormat="1" ht="12.2" customHeight="1" x14ac:dyDescent="0.15">
      <c r="A31" s="271">
        <v>25</v>
      </c>
      <c r="B31" s="287" t="s">
        <v>143</v>
      </c>
      <c r="C31" s="259">
        <v>942</v>
      </c>
      <c r="D31" s="260">
        <v>540</v>
      </c>
      <c r="E31" s="267">
        <v>23</v>
      </c>
      <c r="F31" s="269">
        <v>-402</v>
      </c>
      <c r="G31" s="259">
        <v>316</v>
      </c>
      <c r="H31" s="258">
        <v>660</v>
      </c>
      <c r="I31" s="267">
        <v>3</v>
      </c>
      <c r="J31" s="269">
        <v>344</v>
      </c>
      <c r="K31" s="257">
        <v>0</v>
      </c>
      <c r="L31" s="256">
        <v>1</v>
      </c>
      <c r="M31" s="267">
        <v>22</v>
      </c>
      <c r="N31" s="269">
        <v>1</v>
      </c>
      <c r="O31" s="268">
        <v>1258</v>
      </c>
      <c r="P31" s="268">
        <v>1201</v>
      </c>
      <c r="Q31" s="267">
        <v>19</v>
      </c>
      <c r="R31" s="266">
        <v>-57</v>
      </c>
      <c r="S31" s="265">
        <v>0</v>
      </c>
      <c r="T31" s="264">
        <v>1</v>
      </c>
      <c r="U31" s="265">
        <v>1</v>
      </c>
      <c r="V31" s="264">
        <v>0</v>
      </c>
      <c r="W31" s="263">
        <v>1</v>
      </c>
    </row>
    <row r="32" spans="1:23" s="246" customFormat="1" ht="12.2" customHeight="1" x14ac:dyDescent="0.15">
      <c r="A32" s="271">
        <v>26</v>
      </c>
      <c r="B32" s="287" t="s">
        <v>142</v>
      </c>
      <c r="C32" s="259">
        <v>2574</v>
      </c>
      <c r="D32" s="260">
        <v>815</v>
      </c>
      <c r="E32" s="267">
        <v>13</v>
      </c>
      <c r="F32" s="269">
        <v>-1759</v>
      </c>
      <c r="G32" s="259">
        <v>74</v>
      </c>
      <c r="H32" s="258">
        <v>491</v>
      </c>
      <c r="I32" s="267">
        <v>7</v>
      </c>
      <c r="J32" s="269">
        <v>417</v>
      </c>
      <c r="K32" s="257">
        <v>0</v>
      </c>
      <c r="L32" s="256">
        <v>128</v>
      </c>
      <c r="M32" s="267">
        <v>19</v>
      </c>
      <c r="N32" s="269">
        <v>128</v>
      </c>
      <c r="O32" s="268">
        <v>2648</v>
      </c>
      <c r="P32" s="268">
        <v>1434</v>
      </c>
      <c r="Q32" s="267">
        <v>16</v>
      </c>
      <c r="R32" s="266">
        <v>-1214</v>
      </c>
      <c r="S32" s="265">
        <v>0</v>
      </c>
      <c r="T32" s="264">
        <v>1</v>
      </c>
      <c r="U32" s="265">
        <v>2</v>
      </c>
      <c r="V32" s="264">
        <v>0</v>
      </c>
      <c r="W32" s="263">
        <v>3</v>
      </c>
    </row>
    <row r="33" spans="1:23" s="246" customFormat="1" ht="12.2" customHeight="1" x14ac:dyDescent="0.15">
      <c r="A33" s="271">
        <v>27</v>
      </c>
      <c r="B33" s="287" t="s">
        <v>141</v>
      </c>
      <c r="C33" s="259">
        <v>678</v>
      </c>
      <c r="D33" s="260">
        <v>693</v>
      </c>
      <c r="E33" s="267">
        <v>19</v>
      </c>
      <c r="F33" s="269">
        <v>15</v>
      </c>
      <c r="G33" s="259">
        <v>67</v>
      </c>
      <c r="H33" s="258">
        <v>58</v>
      </c>
      <c r="I33" s="267">
        <v>31</v>
      </c>
      <c r="J33" s="269">
        <v>-9</v>
      </c>
      <c r="K33" s="257">
        <v>0</v>
      </c>
      <c r="L33" s="256">
        <v>0</v>
      </c>
      <c r="M33" s="267">
        <v>24</v>
      </c>
      <c r="N33" s="269">
        <v>0</v>
      </c>
      <c r="O33" s="268">
        <v>745</v>
      </c>
      <c r="P33" s="268">
        <v>751</v>
      </c>
      <c r="Q33" s="267">
        <v>30</v>
      </c>
      <c r="R33" s="266">
        <v>6</v>
      </c>
      <c r="S33" s="265">
        <v>0</v>
      </c>
      <c r="T33" s="264">
        <v>1</v>
      </c>
      <c r="U33" s="265">
        <v>0</v>
      </c>
      <c r="V33" s="264">
        <v>0</v>
      </c>
      <c r="W33" s="263">
        <v>1</v>
      </c>
    </row>
    <row r="34" spans="1:23" s="246" customFormat="1" ht="12.2" customHeight="1" x14ac:dyDescent="0.15">
      <c r="A34" s="271">
        <v>28</v>
      </c>
      <c r="B34" s="287" t="s">
        <v>140</v>
      </c>
      <c r="C34" s="259">
        <v>881</v>
      </c>
      <c r="D34" s="260">
        <v>629</v>
      </c>
      <c r="E34" s="267">
        <v>20</v>
      </c>
      <c r="F34" s="269">
        <v>-252</v>
      </c>
      <c r="G34" s="259">
        <v>283</v>
      </c>
      <c r="H34" s="258">
        <v>424</v>
      </c>
      <c r="I34" s="267">
        <v>15</v>
      </c>
      <c r="J34" s="269">
        <v>141</v>
      </c>
      <c r="K34" s="257">
        <v>48</v>
      </c>
      <c r="L34" s="256">
        <v>0</v>
      </c>
      <c r="M34" s="267">
        <v>24</v>
      </c>
      <c r="N34" s="269">
        <v>-48</v>
      </c>
      <c r="O34" s="268">
        <v>1212</v>
      </c>
      <c r="P34" s="268">
        <v>1053</v>
      </c>
      <c r="Q34" s="267">
        <v>24</v>
      </c>
      <c r="R34" s="266">
        <v>-159</v>
      </c>
      <c r="S34" s="265">
        <v>0</v>
      </c>
      <c r="T34" s="264">
        <v>0</v>
      </c>
      <c r="U34" s="265">
        <v>0</v>
      </c>
      <c r="V34" s="264">
        <v>0</v>
      </c>
      <c r="W34" s="263">
        <v>0</v>
      </c>
    </row>
    <row r="35" spans="1:23" s="246" customFormat="1" ht="12.2" customHeight="1" x14ac:dyDescent="0.15">
      <c r="A35" s="271">
        <v>29</v>
      </c>
      <c r="B35" s="287" t="s">
        <v>139</v>
      </c>
      <c r="C35" s="259">
        <v>1329</v>
      </c>
      <c r="D35" s="260">
        <v>953</v>
      </c>
      <c r="E35" s="267">
        <v>11</v>
      </c>
      <c r="F35" s="269">
        <v>-376</v>
      </c>
      <c r="G35" s="259">
        <v>614</v>
      </c>
      <c r="H35" s="258">
        <v>193</v>
      </c>
      <c r="I35" s="267">
        <v>30</v>
      </c>
      <c r="J35" s="269">
        <v>-421</v>
      </c>
      <c r="K35" s="257">
        <v>19</v>
      </c>
      <c r="L35" s="256">
        <v>39</v>
      </c>
      <c r="M35" s="267">
        <v>21</v>
      </c>
      <c r="N35" s="269">
        <v>20</v>
      </c>
      <c r="O35" s="268">
        <v>1962</v>
      </c>
      <c r="P35" s="268">
        <v>1185</v>
      </c>
      <c r="Q35" s="267">
        <v>20</v>
      </c>
      <c r="R35" s="266">
        <v>-777</v>
      </c>
      <c r="S35" s="265">
        <v>0</v>
      </c>
      <c r="T35" s="264">
        <v>0</v>
      </c>
      <c r="U35" s="265">
        <v>0</v>
      </c>
      <c r="V35" s="264">
        <v>0</v>
      </c>
      <c r="W35" s="263">
        <v>0</v>
      </c>
    </row>
    <row r="36" spans="1:23" s="246" customFormat="1" ht="12.2" customHeight="1" x14ac:dyDescent="0.15">
      <c r="A36" s="271">
        <v>30</v>
      </c>
      <c r="B36" s="287" t="s">
        <v>138</v>
      </c>
      <c r="C36" s="259">
        <v>2076</v>
      </c>
      <c r="D36" s="260">
        <v>9</v>
      </c>
      <c r="E36" s="267">
        <v>32</v>
      </c>
      <c r="F36" s="269">
        <v>-2067</v>
      </c>
      <c r="G36" s="259">
        <v>461</v>
      </c>
      <c r="H36" s="258">
        <v>37</v>
      </c>
      <c r="I36" s="267">
        <v>32</v>
      </c>
      <c r="J36" s="269">
        <v>-424</v>
      </c>
      <c r="K36" s="257">
        <v>86</v>
      </c>
      <c r="L36" s="256">
        <v>0</v>
      </c>
      <c r="M36" s="267">
        <v>24</v>
      </c>
      <c r="N36" s="269">
        <v>-86</v>
      </c>
      <c r="O36" s="268">
        <v>2623</v>
      </c>
      <c r="P36" s="268">
        <v>46</v>
      </c>
      <c r="Q36" s="267">
        <v>33</v>
      </c>
      <c r="R36" s="266">
        <v>-2577</v>
      </c>
      <c r="S36" s="265">
        <v>0</v>
      </c>
      <c r="T36" s="264">
        <v>0</v>
      </c>
      <c r="U36" s="265">
        <v>0</v>
      </c>
      <c r="V36" s="264">
        <v>0</v>
      </c>
      <c r="W36" s="263">
        <v>0</v>
      </c>
    </row>
    <row r="37" spans="1:23" s="246" customFormat="1" ht="12.2" customHeight="1" x14ac:dyDescent="0.15">
      <c r="A37" s="271">
        <v>31</v>
      </c>
      <c r="B37" s="287" t="s">
        <v>137</v>
      </c>
      <c r="C37" s="259">
        <v>2025</v>
      </c>
      <c r="D37" s="260">
        <v>1509</v>
      </c>
      <c r="E37" s="267">
        <v>2</v>
      </c>
      <c r="F37" s="269">
        <v>-516</v>
      </c>
      <c r="G37" s="259">
        <v>302</v>
      </c>
      <c r="H37" s="258">
        <v>219</v>
      </c>
      <c r="I37" s="267">
        <v>28</v>
      </c>
      <c r="J37" s="269">
        <v>-83</v>
      </c>
      <c r="K37" s="257">
        <v>8</v>
      </c>
      <c r="L37" s="256">
        <v>0</v>
      </c>
      <c r="M37" s="267">
        <v>24</v>
      </c>
      <c r="N37" s="269">
        <v>-8</v>
      </c>
      <c r="O37" s="268">
        <v>2335</v>
      </c>
      <c r="P37" s="268">
        <v>1728</v>
      </c>
      <c r="Q37" s="267">
        <v>9</v>
      </c>
      <c r="R37" s="266">
        <v>-607</v>
      </c>
      <c r="S37" s="265">
        <v>0</v>
      </c>
      <c r="T37" s="264">
        <v>0</v>
      </c>
      <c r="U37" s="265">
        <v>0</v>
      </c>
      <c r="V37" s="264">
        <v>0</v>
      </c>
      <c r="W37" s="263">
        <v>0</v>
      </c>
    </row>
    <row r="38" spans="1:23" s="246" customFormat="1" ht="12.2" customHeight="1" x14ac:dyDescent="0.15">
      <c r="A38" s="271">
        <v>32</v>
      </c>
      <c r="B38" s="287" t="s">
        <v>136</v>
      </c>
      <c r="C38" s="259">
        <v>271</v>
      </c>
      <c r="D38" s="260">
        <v>58</v>
      </c>
      <c r="E38" s="267">
        <v>30</v>
      </c>
      <c r="F38" s="269">
        <v>-213</v>
      </c>
      <c r="G38" s="259">
        <v>255</v>
      </c>
      <c r="H38" s="258">
        <v>318</v>
      </c>
      <c r="I38" s="267">
        <v>22</v>
      </c>
      <c r="J38" s="269">
        <v>63</v>
      </c>
      <c r="K38" s="257">
        <v>4779</v>
      </c>
      <c r="L38" s="256">
        <v>463</v>
      </c>
      <c r="M38" s="267">
        <v>11</v>
      </c>
      <c r="N38" s="269">
        <v>-4316</v>
      </c>
      <c r="O38" s="268">
        <v>5305</v>
      </c>
      <c r="P38" s="268">
        <v>839</v>
      </c>
      <c r="Q38" s="267">
        <v>28</v>
      </c>
      <c r="R38" s="266">
        <v>-4466</v>
      </c>
      <c r="S38" s="265">
        <v>0</v>
      </c>
      <c r="T38" s="264">
        <v>0</v>
      </c>
      <c r="U38" s="265">
        <v>0</v>
      </c>
      <c r="V38" s="264">
        <v>0</v>
      </c>
      <c r="W38" s="263">
        <v>0</v>
      </c>
    </row>
    <row r="39" spans="1:23" s="246" customFormat="1" ht="12.2" customHeight="1" thickBot="1" x14ac:dyDescent="0.2">
      <c r="A39" s="262">
        <v>33</v>
      </c>
      <c r="B39" s="287" t="s">
        <v>135</v>
      </c>
      <c r="C39" s="285">
        <v>0</v>
      </c>
      <c r="D39" s="286">
        <v>52</v>
      </c>
      <c r="E39" s="267">
        <v>31</v>
      </c>
      <c r="F39" s="269">
        <v>52</v>
      </c>
      <c r="G39" s="285">
        <v>126</v>
      </c>
      <c r="H39" s="284">
        <v>252</v>
      </c>
      <c r="I39" s="267">
        <v>25</v>
      </c>
      <c r="J39" s="269">
        <v>126</v>
      </c>
      <c r="K39" s="283">
        <v>0</v>
      </c>
      <c r="L39" s="282">
        <v>0</v>
      </c>
      <c r="M39" s="267">
        <v>24</v>
      </c>
      <c r="N39" s="269">
        <v>0</v>
      </c>
      <c r="O39" s="254">
        <v>126</v>
      </c>
      <c r="P39" s="268">
        <v>304</v>
      </c>
      <c r="Q39" s="267">
        <v>32</v>
      </c>
      <c r="R39" s="266">
        <v>178</v>
      </c>
      <c r="S39" s="265">
        <v>0</v>
      </c>
      <c r="T39" s="264">
        <v>0</v>
      </c>
      <c r="U39" s="265">
        <v>0</v>
      </c>
      <c r="V39" s="264">
        <v>0</v>
      </c>
      <c r="W39" s="263">
        <v>1</v>
      </c>
    </row>
    <row r="40" spans="1:23" s="246" customFormat="1" ht="12.2" customHeight="1" thickTop="1" x14ac:dyDescent="0.15">
      <c r="A40" s="271">
        <v>301</v>
      </c>
      <c r="B40" s="281" t="s">
        <v>134</v>
      </c>
      <c r="C40" s="259">
        <v>359</v>
      </c>
      <c r="D40" s="268">
        <v>1812</v>
      </c>
      <c r="E40" s="276">
        <v>1</v>
      </c>
      <c r="F40" s="278">
        <v>1453</v>
      </c>
      <c r="G40" s="259">
        <v>187</v>
      </c>
      <c r="H40" s="280">
        <v>288</v>
      </c>
      <c r="I40" s="276">
        <v>6</v>
      </c>
      <c r="J40" s="278">
        <v>101</v>
      </c>
      <c r="K40" s="257">
        <v>106</v>
      </c>
      <c r="L40" s="279">
        <v>3</v>
      </c>
      <c r="M40" s="276">
        <v>6</v>
      </c>
      <c r="N40" s="278">
        <v>-103</v>
      </c>
      <c r="O40" s="268">
        <v>652</v>
      </c>
      <c r="P40" s="277">
        <v>2103</v>
      </c>
      <c r="Q40" s="276">
        <v>2</v>
      </c>
      <c r="R40" s="275">
        <v>1451</v>
      </c>
      <c r="S40" s="274">
        <v>0</v>
      </c>
      <c r="T40" s="273">
        <v>0</v>
      </c>
      <c r="U40" s="274">
        <v>0</v>
      </c>
      <c r="V40" s="273">
        <v>0</v>
      </c>
      <c r="W40" s="272">
        <v>0</v>
      </c>
    </row>
    <row r="41" spans="1:23" s="246" customFormat="1" ht="12.2" customHeight="1" x14ac:dyDescent="0.15">
      <c r="A41" s="271">
        <v>302</v>
      </c>
      <c r="B41" s="270" t="s">
        <v>133</v>
      </c>
      <c r="C41" s="259">
        <v>293</v>
      </c>
      <c r="D41" s="260">
        <v>1431</v>
      </c>
      <c r="E41" s="267">
        <v>2</v>
      </c>
      <c r="F41" s="269">
        <v>1138</v>
      </c>
      <c r="G41" s="259">
        <v>319</v>
      </c>
      <c r="H41" s="258">
        <v>412</v>
      </c>
      <c r="I41" s="267">
        <v>2</v>
      </c>
      <c r="J41" s="269">
        <v>93</v>
      </c>
      <c r="K41" s="257">
        <v>56</v>
      </c>
      <c r="L41" s="256">
        <v>29</v>
      </c>
      <c r="M41" s="267">
        <v>5</v>
      </c>
      <c r="N41" s="269">
        <v>-27</v>
      </c>
      <c r="O41" s="268">
        <v>668</v>
      </c>
      <c r="P41" s="268">
        <v>1872</v>
      </c>
      <c r="Q41" s="267">
        <v>3</v>
      </c>
      <c r="R41" s="266">
        <v>1204</v>
      </c>
      <c r="S41" s="265">
        <v>2</v>
      </c>
      <c r="T41" s="264">
        <v>0</v>
      </c>
      <c r="U41" s="265">
        <v>0</v>
      </c>
      <c r="V41" s="264">
        <v>0</v>
      </c>
      <c r="W41" s="263">
        <v>2</v>
      </c>
    </row>
    <row r="42" spans="1:23" s="246" customFormat="1" ht="12.2" customHeight="1" x14ac:dyDescent="0.15">
      <c r="A42" s="271">
        <v>303</v>
      </c>
      <c r="B42" s="270" t="s">
        <v>132</v>
      </c>
      <c r="C42" s="259">
        <v>1020</v>
      </c>
      <c r="D42" s="260">
        <v>1219</v>
      </c>
      <c r="E42" s="267">
        <v>3</v>
      </c>
      <c r="F42" s="269">
        <v>199</v>
      </c>
      <c r="G42" s="259">
        <v>361</v>
      </c>
      <c r="H42" s="258">
        <v>417</v>
      </c>
      <c r="I42" s="267">
        <v>1</v>
      </c>
      <c r="J42" s="269">
        <v>56</v>
      </c>
      <c r="K42" s="257">
        <v>416</v>
      </c>
      <c r="L42" s="256">
        <v>694</v>
      </c>
      <c r="M42" s="267">
        <v>2</v>
      </c>
      <c r="N42" s="269">
        <v>278</v>
      </c>
      <c r="O42" s="268">
        <v>1797</v>
      </c>
      <c r="P42" s="268">
        <v>2330</v>
      </c>
      <c r="Q42" s="267">
        <v>1</v>
      </c>
      <c r="R42" s="266">
        <v>533</v>
      </c>
      <c r="S42" s="265">
        <v>0</v>
      </c>
      <c r="T42" s="264">
        <v>1</v>
      </c>
      <c r="U42" s="265">
        <v>0</v>
      </c>
      <c r="V42" s="264">
        <v>1</v>
      </c>
      <c r="W42" s="263">
        <v>2</v>
      </c>
    </row>
    <row r="43" spans="1:23" s="246" customFormat="1" ht="12.2" customHeight="1" x14ac:dyDescent="0.15">
      <c r="A43" s="271">
        <v>304</v>
      </c>
      <c r="B43" s="270" t="s">
        <v>131</v>
      </c>
      <c r="C43" s="259">
        <v>185</v>
      </c>
      <c r="D43" s="260">
        <v>127</v>
      </c>
      <c r="E43" s="267">
        <v>5</v>
      </c>
      <c r="F43" s="269">
        <v>-58</v>
      </c>
      <c r="G43" s="259">
        <v>286</v>
      </c>
      <c r="H43" s="258">
        <v>397</v>
      </c>
      <c r="I43" s="267">
        <v>3</v>
      </c>
      <c r="J43" s="269">
        <v>111</v>
      </c>
      <c r="K43" s="257">
        <v>123</v>
      </c>
      <c r="L43" s="256">
        <v>898</v>
      </c>
      <c r="M43" s="267">
        <v>1</v>
      </c>
      <c r="N43" s="269">
        <v>775</v>
      </c>
      <c r="O43" s="268">
        <v>594</v>
      </c>
      <c r="P43" s="268">
        <v>1422</v>
      </c>
      <c r="Q43" s="267">
        <v>4</v>
      </c>
      <c r="R43" s="266">
        <v>828</v>
      </c>
      <c r="S43" s="265">
        <v>1</v>
      </c>
      <c r="T43" s="264">
        <v>0</v>
      </c>
      <c r="U43" s="265">
        <v>0</v>
      </c>
      <c r="V43" s="264">
        <v>0</v>
      </c>
      <c r="W43" s="263">
        <v>1</v>
      </c>
    </row>
    <row r="44" spans="1:23" s="246" customFormat="1" ht="12.2" customHeight="1" x14ac:dyDescent="0.15">
      <c r="A44" s="271">
        <v>305</v>
      </c>
      <c r="B44" s="270" t="s">
        <v>130</v>
      </c>
      <c r="C44" s="259">
        <v>291</v>
      </c>
      <c r="D44" s="260">
        <v>102</v>
      </c>
      <c r="E44" s="267">
        <v>6</v>
      </c>
      <c r="F44" s="269">
        <v>-189</v>
      </c>
      <c r="G44" s="259">
        <v>400</v>
      </c>
      <c r="H44" s="258">
        <v>377</v>
      </c>
      <c r="I44" s="267">
        <v>4</v>
      </c>
      <c r="J44" s="269">
        <v>-23</v>
      </c>
      <c r="K44" s="257">
        <v>912</v>
      </c>
      <c r="L44" s="256">
        <v>689</v>
      </c>
      <c r="M44" s="267">
        <v>3</v>
      </c>
      <c r="N44" s="269">
        <v>-223</v>
      </c>
      <c r="O44" s="268">
        <v>1603</v>
      </c>
      <c r="P44" s="268">
        <v>1168</v>
      </c>
      <c r="Q44" s="267">
        <v>5</v>
      </c>
      <c r="R44" s="266">
        <v>-435</v>
      </c>
      <c r="S44" s="265">
        <v>2</v>
      </c>
      <c r="T44" s="264">
        <v>0</v>
      </c>
      <c r="U44" s="265">
        <v>0</v>
      </c>
      <c r="V44" s="264">
        <v>0</v>
      </c>
      <c r="W44" s="263">
        <v>0</v>
      </c>
    </row>
    <row r="45" spans="1:23" s="246" customFormat="1" ht="12.2" customHeight="1" thickBot="1" x14ac:dyDescent="0.2">
      <c r="A45" s="262">
        <v>306</v>
      </c>
      <c r="B45" s="261" t="s">
        <v>129</v>
      </c>
      <c r="C45" s="259">
        <v>419</v>
      </c>
      <c r="D45" s="260">
        <v>368</v>
      </c>
      <c r="E45" s="252">
        <v>4</v>
      </c>
      <c r="F45" s="255">
        <v>-51</v>
      </c>
      <c r="G45" s="259">
        <v>338</v>
      </c>
      <c r="H45" s="258">
        <v>333</v>
      </c>
      <c r="I45" s="252">
        <v>5</v>
      </c>
      <c r="J45" s="255">
        <v>-5</v>
      </c>
      <c r="K45" s="257">
        <v>287</v>
      </c>
      <c r="L45" s="256">
        <v>297</v>
      </c>
      <c r="M45" s="252">
        <v>4</v>
      </c>
      <c r="N45" s="332">
        <v>10</v>
      </c>
      <c r="O45" s="254">
        <v>1044</v>
      </c>
      <c r="P45" s="253">
        <v>998</v>
      </c>
      <c r="Q45" s="252">
        <v>6</v>
      </c>
      <c r="R45" s="251">
        <v>-46</v>
      </c>
      <c r="S45" s="250">
        <v>3</v>
      </c>
      <c r="T45" s="248">
        <v>2</v>
      </c>
      <c r="U45" s="249">
        <v>0</v>
      </c>
      <c r="V45" s="248">
        <v>0</v>
      </c>
      <c r="W45" s="247">
        <v>2</v>
      </c>
    </row>
    <row r="46" spans="1:23" s="211" customFormat="1" ht="15.75" customHeight="1" thickTop="1" thickBot="1" x14ac:dyDescent="0.2">
      <c r="A46" s="412" t="s">
        <v>128</v>
      </c>
      <c r="B46" s="413"/>
      <c r="C46" s="245">
        <v>1102</v>
      </c>
      <c r="D46" s="241">
        <v>1071</v>
      </c>
      <c r="E46" s="240"/>
      <c r="F46" s="244">
        <v>-31</v>
      </c>
      <c r="G46" s="245">
        <v>451</v>
      </c>
      <c r="H46" s="241">
        <v>419</v>
      </c>
      <c r="I46" s="240"/>
      <c r="J46" s="244">
        <v>-32</v>
      </c>
      <c r="K46" s="243">
        <v>558</v>
      </c>
      <c r="L46" s="241">
        <v>464</v>
      </c>
      <c r="M46" s="242"/>
      <c r="N46" s="335">
        <v>-94</v>
      </c>
      <c r="O46" s="231">
        <v>2111</v>
      </c>
      <c r="P46" s="241">
        <v>1954</v>
      </c>
      <c r="Q46" s="240"/>
      <c r="R46" s="239">
        <v>-157</v>
      </c>
      <c r="S46" s="238" t="s">
        <v>127</v>
      </c>
      <c r="T46" s="236" t="s">
        <v>127</v>
      </c>
      <c r="U46" s="237" t="s">
        <v>127</v>
      </c>
      <c r="V46" s="236" t="s">
        <v>127</v>
      </c>
      <c r="W46" s="235" t="s">
        <v>127</v>
      </c>
    </row>
    <row r="47" spans="1:23" s="211" customFormat="1" ht="15.75" customHeight="1" thickTop="1" thickBot="1" x14ac:dyDescent="0.2">
      <c r="A47" s="412" t="s">
        <v>96</v>
      </c>
      <c r="B47" s="413"/>
      <c r="C47" s="234">
        <v>443</v>
      </c>
      <c r="D47" s="234">
        <v>702</v>
      </c>
      <c r="E47" s="229"/>
      <c r="F47" s="233">
        <v>259</v>
      </c>
      <c r="G47" s="234">
        <v>326</v>
      </c>
      <c r="H47" s="230">
        <v>351</v>
      </c>
      <c r="I47" s="229"/>
      <c r="J47" s="233">
        <v>25</v>
      </c>
      <c r="K47" s="232">
        <v>287</v>
      </c>
      <c r="L47" s="230">
        <v>313</v>
      </c>
      <c r="M47" s="229"/>
      <c r="N47" s="336">
        <v>26</v>
      </c>
      <c r="O47" s="231">
        <v>1056</v>
      </c>
      <c r="P47" s="230">
        <v>1366</v>
      </c>
      <c r="Q47" s="229"/>
      <c r="R47" s="228">
        <v>310</v>
      </c>
      <c r="S47" s="227" t="s">
        <v>127</v>
      </c>
      <c r="T47" s="225" t="s">
        <v>127</v>
      </c>
      <c r="U47" s="226" t="s">
        <v>127</v>
      </c>
      <c r="V47" s="225" t="s">
        <v>127</v>
      </c>
      <c r="W47" s="224" t="s">
        <v>127</v>
      </c>
    </row>
    <row r="48" spans="1:23" s="211" customFormat="1" ht="15.75" customHeight="1" thickTop="1" thickBot="1" x14ac:dyDescent="0.2">
      <c r="A48" s="380" t="s">
        <v>95</v>
      </c>
      <c r="B48" s="381"/>
      <c r="C48" s="223">
        <v>1036</v>
      </c>
      <c r="D48" s="219">
        <v>1045</v>
      </c>
      <c r="E48" s="218"/>
      <c r="F48" s="221">
        <v>9</v>
      </c>
      <c r="G48" s="222">
        <v>463</v>
      </c>
      <c r="H48" s="219">
        <v>414</v>
      </c>
      <c r="I48" s="218"/>
      <c r="J48" s="221">
        <v>-49</v>
      </c>
      <c r="K48" s="220">
        <v>539</v>
      </c>
      <c r="L48" s="219">
        <v>454</v>
      </c>
      <c r="M48" s="218"/>
      <c r="N48" s="337">
        <v>-85</v>
      </c>
      <c r="O48" s="219">
        <v>2038</v>
      </c>
      <c r="P48" s="219">
        <v>1913</v>
      </c>
      <c r="Q48" s="218"/>
      <c r="R48" s="217">
        <v>-125</v>
      </c>
      <c r="S48" s="216" t="s">
        <v>127</v>
      </c>
      <c r="T48" s="215" t="s">
        <v>127</v>
      </c>
      <c r="U48" s="214" t="s">
        <v>127</v>
      </c>
      <c r="V48" s="213" t="s">
        <v>127</v>
      </c>
      <c r="W48" s="212" t="s">
        <v>127</v>
      </c>
    </row>
    <row r="49" spans="1:23" s="207" customFormat="1" ht="11.45" customHeight="1" x14ac:dyDescent="0.15">
      <c r="A49" s="209"/>
      <c r="B49" s="210"/>
      <c r="C49" s="209"/>
      <c r="D49" s="209"/>
      <c r="E49" s="209"/>
      <c r="F49" s="209"/>
      <c r="G49" s="209"/>
      <c r="H49" s="209"/>
      <c r="I49" s="209"/>
      <c r="J49" s="209"/>
      <c r="K49" s="209"/>
      <c r="L49" s="209"/>
      <c r="M49" s="209"/>
      <c r="N49" s="209"/>
      <c r="O49" s="209"/>
      <c r="P49" s="209"/>
      <c r="Q49" s="209"/>
      <c r="R49" s="209"/>
      <c r="S49" s="209"/>
      <c r="T49" s="209"/>
      <c r="U49" s="209"/>
      <c r="V49" s="209"/>
      <c r="W49" s="209"/>
    </row>
    <row r="50" spans="1:23" s="314" customFormat="1" x14ac:dyDescent="0.15">
      <c r="G50" s="315"/>
      <c r="H50" s="315"/>
      <c r="I50" s="209"/>
      <c r="J50" s="209"/>
      <c r="K50" s="315"/>
      <c r="L50" s="315"/>
      <c r="M50" s="209"/>
      <c r="N50" s="209"/>
      <c r="O50" s="315"/>
      <c r="P50" s="315"/>
      <c r="S50" s="315"/>
      <c r="T50" s="315"/>
      <c r="U50" s="315"/>
      <c r="V50" s="315"/>
      <c r="W50" s="315"/>
    </row>
    <row r="51" spans="1:23" s="316" customFormat="1" ht="14.25" x14ac:dyDescent="0.15">
      <c r="C51" s="317"/>
      <c r="J51" s="209"/>
    </row>
    <row r="52" spans="1:23" s="316" customFormat="1" ht="14.25" x14ac:dyDescent="0.15">
      <c r="C52" s="318"/>
      <c r="J52" s="209"/>
    </row>
    <row r="53" spans="1:23" s="316" customFormat="1" x14ac:dyDescent="0.15">
      <c r="C53" s="319"/>
      <c r="J53" s="209"/>
    </row>
    <row r="54" spans="1:23" s="316" customFormat="1" x14ac:dyDescent="0.15">
      <c r="C54" s="320"/>
      <c r="D54" s="320"/>
      <c r="E54" s="321"/>
      <c r="F54" s="320"/>
      <c r="G54" s="321"/>
      <c r="J54" s="209"/>
    </row>
    <row r="55" spans="1:23" s="316" customFormat="1" x14ac:dyDescent="0.15">
      <c r="A55" s="209"/>
      <c r="B55" s="209"/>
      <c r="C55" s="209"/>
      <c r="D55" s="209"/>
      <c r="E55" s="322"/>
      <c r="F55" s="209"/>
      <c r="G55" s="322"/>
      <c r="J55" s="209"/>
    </row>
    <row r="56" spans="1:23" s="316" customFormat="1" x14ac:dyDescent="0.15">
      <c r="A56" s="209"/>
      <c r="B56" s="209"/>
      <c r="C56" s="209"/>
      <c r="D56" s="209"/>
      <c r="E56" s="322"/>
      <c r="F56" s="209"/>
      <c r="G56" s="322"/>
      <c r="J56" s="209"/>
    </row>
    <row r="57" spans="1:23" s="316" customFormat="1" x14ac:dyDescent="0.15">
      <c r="A57" s="209"/>
      <c r="B57" s="209"/>
      <c r="C57" s="209"/>
      <c r="D57" s="209"/>
      <c r="E57" s="322"/>
      <c r="F57" s="209"/>
      <c r="G57" s="322"/>
      <c r="J57" s="209"/>
    </row>
    <row r="58" spans="1:23" s="316" customFormat="1" x14ac:dyDescent="0.15">
      <c r="A58" s="209"/>
      <c r="B58" s="209"/>
      <c r="C58" s="209"/>
      <c r="D58" s="209"/>
      <c r="E58" s="322"/>
      <c r="F58" s="209"/>
      <c r="G58" s="322"/>
      <c r="J58" s="209"/>
    </row>
    <row r="59" spans="1:23" s="316" customFormat="1" x14ac:dyDescent="0.15">
      <c r="A59" s="209"/>
      <c r="B59" s="209"/>
      <c r="C59" s="209"/>
      <c r="D59" s="209"/>
      <c r="E59" s="322"/>
      <c r="F59" s="209"/>
      <c r="G59" s="322"/>
      <c r="J59" s="209"/>
    </row>
    <row r="60" spans="1:23" s="316" customFormat="1" x14ac:dyDescent="0.15">
      <c r="A60" s="209"/>
      <c r="B60" s="209"/>
      <c r="C60" s="209"/>
      <c r="D60" s="209"/>
      <c r="E60" s="322"/>
      <c r="F60" s="209"/>
      <c r="G60" s="322"/>
      <c r="J60" s="209"/>
    </row>
    <row r="61" spans="1:23" s="316" customFormat="1" x14ac:dyDescent="0.15">
      <c r="A61" s="209"/>
      <c r="B61" s="209"/>
      <c r="C61" s="209"/>
      <c r="D61" s="209"/>
      <c r="E61" s="322"/>
      <c r="F61" s="209"/>
      <c r="G61" s="322"/>
      <c r="J61" s="209"/>
    </row>
    <row r="62" spans="1:23" s="316" customFormat="1" x14ac:dyDescent="0.15">
      <c r="A62" s="209"/>
      <c r="B62" s="209"/>
      <c r="C62" s="209"/>
      <c r="D62" s="209"/>
      <c r="E62" s="322"/>
      <c r="F62" s="209"/>
      <c r="G62" s="322"/>
      <c r="J62" s="209"/>
    </row>
    <row r="63" spans="1:23" s="316" customFormat="1" x14ac:dyDescent="0.15">
      <c r="A63" s="209"/>
      <c r="B63" s="209"/>
      <c r="C63" s="209"/>
      <c r="D63" s="209"/>
      <c r="E63" s="322"/>
      <c r="F63" s="209"/>
      <c r="G63" s="322"/>
      <c r="J63" s="209"/>
    </row>
    <row r="64" spans="1:23" s="316" customFormat="1" x14ac:dyDescent="0.15">
      <c r="A64" s="209"/>
      <c r="B64" s="209"/>
      <c r="C64" s="209"/>
      <c r="D64" s="209"/>
      <c r="E64" s="322"/>
      <c r="F64" s="209"/>
      <c r="G64" s="322"/>
      <c r="J64" s="209"/>
    </row>
    <row r="65" spans="1:10" s="316" customFormat="1" x14ac:dyDescent="0.15">
      <c r="A65" s="209"/>
      <c r="B65" s="209"/>
      <c r="C65" s="209"/>
      <c r="D65" s="209"/>
      <c r="E65" s="322"/>
      <c r="F65" s="209"/>
      <c r="G65" s="322"/>
      <c r="J65" s="209"/>
    </row>
    <row r="66" spans="1:10" s="316" customFormat="1" x14ac:dyDescent="0.15">
      <c r="A66" s="209"/>
      <c r="B66" s="209"/>
      <c r="C66" s="209"/>
      <c r="D66" s="209"/>
      <c r="E66" s="322"/>
      <c r="F66" s="209"/>
      <c r="G66" s="322"/>
      <c r="J66" s="209"/>
    </row>
    <row r="67" spans="1:10" s="316" customFormat="1" x14ac:dyDescent="0.15">
      <c r="A67" s="209"/>
      <c r="B67" s="209"/>
      <c r="C67" s="209"/>
      <c r="D67" s="209"/>
      <c r="E67" s="322"/>
      <c r="F67" s="209"/>
      <c r="G67" s="322"/>
      <c r="J67" s="209"/>
    </row>
    <row r="68" spans="1:10" s="316" customFormat="1" x14ac:dyDescent="0.15">
      <c r="A68" s="209"/>
      <c r="B68" s="209"/>
      <c r="C68" s="209"/>
      <c r="D68" s="209"/>
      <c r="E68" s="322"/>
      <c r="F68" s="209"/>
      <c r="G68" s="322"/>
      <c r="J68" s="209"/>
    </row>
    <row r="69" spans="1:10" s="316" customFormat="1" x14ac:dyDescent="0.15">
      <c r="A69" s="209"/>
      <c r="B69" s="209"/>
      <c r="C69" s="209"/>
      <c r="D69" s="209"/>
      <c r="E69" s="322"/>
      <c r="F69" s="209"/>
      <c r="G69" s="322"/>
      <c r="J69" s="209"/>
    </row>
    <row r="70" spans="1:10" s="316" customFormat="1" x14ac:dyDescent="0.15">
      <c r="A70" s="209"/>
      <c r="B70" s="209"/>
      <c r="C70" s="209"/>
      <c r="D70" s="209"/>
      <c r="E70" s="322"/>
      <c r="F70" s="209"/>
      <c r="G70" s="322"/>
      <c r="J70" s="209"/>
    </row>
    <row r="71" spans="1:10" s="316" customFormat="1" x14ac:dyDescent="0.15">
      <c r="A71" s="209"/>
      <c r="B71" s="209"/>
      <c r="C71" s="209"/>
      <c r="D71" s="209"/>
      <c r="E71" s="322"/>
      <c r="F71" s="209"/>
      <c r="G71" s="322"/>
      <c r="J71" s="209"/>
    </row>
    <row r="72" spans="1:10" s="316" customFormat="1" x14ac:dyDescent="0.15">
      <c r="A72" s="209"/>
      <c r="B72" s="209"/>
      <c r="C72" s="209"/>
      <c r="D72" s="209"/>
      <c r="E72" s="322"/>
      <c r="F72" s="209"/>
      <c r="G72" s="322"/>
      <c r="J72" s="209"/>
    </row>
    <row r="73" spans="1:10" s="316" customFormat="1" x14ac:dyDescent="0.15">
      <c r="A73" s="209"/>
      <c r="B73" s="209"/>
      <c r="C73" s="209"/>
      <c r="D73" s="209"/>
      <c r="E73" s="322"/>
      <c r="F73" s="209"/>
      <c r="G73" s="322"/>
      <c r="J73" s="209"/>
    </row>
    <row r="74" spans="1:10" s="316" customFormat="1" x14ac:dyDescent="0.15">
      <c r="A74" s="209"/>
      <c r="B74" s="209"/>
      <c r="C74" s="209"/>
      <c r="D74" s="209"/>
      <c r="E74" s="322"/>
      <c r="F74" s="209"/>
      <c r="G74" s="322"/>
      <c r="J74" s="209"/>
    </row>
    <row r="75" spans="1:10" s="316" customFormat="1" x14ac:dyDescent="0.15">
      <c r="A75" s="209"/>
      <c r="B75" s="209"/>
      <c r="C75" s="209"/>
      <c r="D75" s="209"/>
      <c r="E75" s="322"/>
      <c r="F75" s="209"/>
      <c r="G75" s="322"/>
      <c r="J75" s="209"/>
    </row>
    <row r="76" spans="1:10" s="316" customFormat="1" x14ac:dyDescent="0.15">
      <c r="A76" s="209"/>
      <c r="B76" s="209"/>
      <c r="C76" s="209"/>
      <c r="D76" s="209"/>
      <c r="E76" s="322"/>
      <c r="F76" s="209"/>
      <c r="G76" s="322"/>
      <c r="J76" s="209"/>
    </row>
    <row r="77" spans="1:10" s="316" customFormat="1" x14ac:dyDescent="0.15">
      <c r="A77" s="209"/>
      <c r="B77" s="209"/>
      <c r="C77" s="209"/>
      <c r="D77" s="209"/>
      <c r="E77" s="322"/>
      <c r="F77" s="209"/>
      <c r="G77" s="322"/>
      <c r="J77" s="209"/>
    </row>
    <row r="78" spans="1:10" s="316" customFormat="1" x14ac:dyDescent="0.15">
      <c r="A78" s="209"/>
      <c r="B78" s="209"/>
      <c r="C78" s="209"/>
      <c r="D78" s="209"/>
      <c r="E78" s="322"/>
      <c r="F78" s="209"/>
      <c r="G78" s="322"/>
      <c r="J78" s="209"/>
    </row>
    <row r="79" spans="1:10" s="316" customFormat="1" x14ac:dyDescent="0.15">
      <c r="A79" s="209"/>
      <c r="B79" s="209"/>
      <c r="C79" s="209"/>
      <c r="D79" s="209"/>
      <c r="E79" s="322"/>
      <c r="F79" s="209"/>
      <c r="G79" s="322"/>
      <c r="J79" s="209"/>
    </row>
    <row r="80" spans="1:10" s="316" customFormat="1" x14ac:dyDescent="0.15">
      <c r="A80" s="209"/>
      <c r="B80" s="209"/>
      <c r="C80" s="209"/>
      <c r="D80" s="209"/>
      <c r="E80" s="322"/>
      <c r="F80" s="209"/>
      <c r="G80" s="322"/>
      <c r="J80" s="209"/>
    </row>
    <row r="81" spans="1:7" s="316" customFormat="1" x14ac:dyDescent="0.15">
      <c r="A81" s="209"/>
      <c r="B81" s="209"/>
      <c r="C81" s="209"/>
      <c r="D81" s="209"/>
      <c r="E81" s="322"/>
      <c r="F81" s="209"/>
      <c r="G81" s="322"/>
    </row>
    <row r="82" spans="1:7" s="316" customFormat="1" x14ac:dyDescent="0.15">
      <c r="A82" s="209"/>
      <c r="B82" s="209"/>
      <c r="C82" s="209"/>
      <c r="D82" s="209"/>
      <c r="E82" s="322"/>
      <c r="F82" s="209"/>
      <c r="G82" s="322"/>
    </row>
    <row r="83" spans="1:7" s="316" customFormat="1" x14ac:dyDescent="0.15">
      <c r="A83" s="209"/>
      <c r="B83" s="209"/>
      <c r="C83" s="209"/>
      <c r="D83" s="209"/>
      <c r="E83" s="322"/>
      <c r="F83" s="209"/>
      <c r="G83" s="322"/>
    </row>
    <row r="84" spans="1:7" s="316" customFormat="1" x14ac:dyDescent="0.15">
      <c r="A84" s="209"/>
      <c r="B84" s="209"/>
      <c r="C84" s="209"/>
      <c r="D84" s="209"/>
      <c r="E84" s="322"/>
      <c r="F84" s="209"/>
      <c r="G84" s="322"/>
    </row>
    <row r="85" spans="1:7" s="316" customFormat="1" x14ac:dyDescent="0.15">
      <c r="A85" s="209"/>
      <c r="B85" s="209"/>
      <c r="C85" s="209"/>
      <c r="D85" s="209"/>
      <c r="E85" s="322"/>
      <c r="F85" s="209"/>
      <c r="G85" s="322"/>
    </row>
    <row r="86" spans="1:7" s="316" customFormat="1" x14ac:dyDescent="0.15">
      <c r="A86" s="209"/>
      <c r="B86" s="209"/>
      <c r="C86" s="209"/>
      <c r="D86" s="209"/>
      <c r="E86" s="322"/>
      <c r="F86" s="209"/>
      <c r="G86" s="322"/>
    </row>
    <row r="87" spans="1:7" s="316" customFormat="1" x14ac:dyDescent="0.15">
      <c r="A87" s="209"/>
      <c r="B87" s="209"/>
      <c r="C87" s="209"/>
      <c r="D87" s="209"/>
      <c r="E87" s="322"/>
      <c r="F87" s="209"/>
      <c r="G87" s="322"/>
    </row>
    <row r="88" spans="1:7" s="316" customFormat="1" x14ac:dyDescent="0.15">
      <c r="A88" s="209"/>
      <c r="B88" s="209"/>
      <c r="C88" s="209"/>
      <c r="D88" s="209"/>
      <c r="E88" s="322"/>
      <c r="F88" s="209"/>
      <c r="G88" s="322"/>
    </row>
    <row r="89" spans="1:7" s="316" customFormat="1" x14ac:dyDescent="0.15">
      <c r="A89" s="209"/>
      <c r="B89" s="209"/>
      <c r="C89" s="209"/>
      <c r="D89" s="209"/>
      <c r="E89" s="322"/>
      <c r="F89" s="209"/>
      <c r="G89" s="322"/>
    </row>
    <row r="90" spans="1:7" s="316" customFormat="1" x14ac:dyDescent="0.15">
      <c r="A90" s="209"/>
      <c r="B90" s="209"/>
      <c r="C90" s="209"/>
      <c r="D90" s="209"/>
      <c r="E90" s="322"/>
      <c r="F90" s="209"/>
      <c r="G90" s="322"/>
    </row>
    <row r="91" spans="1:7" s="316" customFormat="1" x14ac:dyDescent="0.15">
      <c r="A91" s="209"/>
      <c r="B91" s="209"/>
      <c r="C91" s="209"/>
      <c r="D91" s="209"/>
      <c r="E91" s="322"/>
      <c r="F91" s="209"/>
      <c r="G91" s="322"/>
    </row>
    <row r="92" spans="1:7" s="316" customFormat="1" x14ac:dyDescent="0.15">
      <c r="A92" s="209"/>
      <c r="B92" s="209"/>
      <c r="C92" s="209"/>
      <c r="D92" s="209"/>
      <c r="E92" s="322"/>
      <c r="F92" s="209"/>
      <c r="G92" s="322"/>
    </row>
    <row r="93" spans="1:7" s="316" customFormat="1" x14ac:dyDescent="0.15">
      <c r="A93" s="209"/>
      <c r="B93" s="209"/>
      <c r="C93" s="209"/>
      <c r="D93" s="209"/>
      <c r="E93" s="322"/>
      <c r="F93" s="209"/>
      <c r="G93" s="322"/>
    </row>
    <row r="94" spans="1:7" s="316" customFormat="1" x14ac:dyDescent="0.15">
      <c r="A94" s="209"/>
      <c r="B94" s="209"/>
      <c r="C94" s="209"/>
      <c r="D94" s="209"/>
      <c r="E94" s="322"/>
      <c r="F94" s="209"/>
      <c r="G94" s="322"/>
    </row>
    <row r="95" spans="1:7" s="316" customFormat="1" x14ac:dyDescent="0.15">
      <c r="A95" s="209"/>
      <c r="B95" s="209"/>
      <c r="C95" s="209"/>
      <c r="D95" s="209"/>
      <c r="E95" s="322"/>
      <c r="F95" s="209"/>
      <c r="G95" s="322"/>
    </row>
    <row r="96" spans="1:7" s="316" customFormat="1" x14ac:dyDescent="0.15">
      <c r="A96" s="209"/>
      <c r="B96" s="209"/>
      <c r="C96" s="209"/>
      <c r="D96" s="209"/>
      <c r="E96" s="322"/>
      <c r="F96" s="209"/>
      <c r="G96" s="322"/>
    </row>
    <row r="97" spans="1:7" s="316" customFormat="1" x14ac:dyDescent="0.15">
      <c r="A97" s="209"/>
      <c r="B97" s="209"/>
      <c r="C97" s="209"/>
      <c r="D97" s="209"/>
      <c r="E97" s="322"/>
      <c r="F97" s="209"/>
      <c r="G97" s="322"/>
    </row>
    <row r="98" spans="1:7" s="316" customFormat="1" x14ac:dyDescent="0.15">
      <c r="A98" s="209"/>
      <c r="B98" s="209"/>
      <c r="C98" s="209"/>
      <c r="D98" s="209"/>
      <c r="E98" s="322"/>
      <c r="F98" s="209"/>
      <c r="G98" s="322"/>
    </row>
    <row r="99" spans="1:7" s="316" customFormat="1" x14ac:dyDescent="0.15">
      <c r="A99" s="209"/>
      <c r="B99" s="209"/>
      <c r="C99" s="209"/>
      <c r="D99" s="209"/>
      <c r="E99" s="322"/>
      <c r="F99" s="209"/>
      <c r="G99" s="322"/>
    </row>
    <row r="100" spans="1:7" s="316" customFormat="1" x14ac:dyDescent="0.15">
      <c r="A100" s="209"/>
      <c r="B100" s="209"/>
      <c r="C100" s="209"/>
      <c r="D100" s="209"/>
      <c r="E100" s="322"/>
      <c r="F100" s="209"/>
      <c r="G100" s="322"/>
    </row>
    <row r="101" spans="1:7" s="316" customFormat="1" x14ac:dyDescent="0.15"/>
    <row r="102" spans="1:7" s="316" customFormat="1" x14ac:dyDescent="0.15"/>
  </sheetData>
  <mergeCells count="13">
    <mergeCell ref="A48:B48"/>
    <mergeCell ref="A1:N1"/>
    <mergeCell ref="S3:W4"/>
    <mergeCell ref="A3:B6"/>
    <mergeCell ref="O3:R4"/>
    <mergeCell ref="K3:N4"/>
    <mergeCell ref="G4:J4"/>
    <mergeCell ref="C4:F4"/>
    <mergeCell ref="S5:T5"/>
    <mergeCell ref="U5:V5"/>
    <mergeCell ref="C3:J3"/>
    <mergeCell ref="A46:B46"/>
    <mergeCell ref="A47:B47"/>
  </mergeCells>
  <phoneticPr fontId="3"/>
  <printOptions verticalCentered="1"/>
  <pageMargins left="0.6692913385826772" right="0" top="0.27559055118110237" bottom="0.27559055118110237" header="0.31496062992125984" footer="0.31496062992125984"/>
  <pageSetup paperSize="9" scale="90" orientation="landscape" blackAndWhite="1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6</vt:i4>
      </vt:variant>
      <vt:variant>
        <vt:lpstr>名前付き一覧</vt:lpstr>
      </vt:variant>
      <vt:variant>
        <vt:i4>6</vt:i4>
      </vt:variant>
    </vt:vector>
  </HeadingPairs>
  <TitlesOfParts>
    <vt:vector size="12" baseType="lpstr">
      <vt:lpstr>給付 (1)～(4)</vt:lpstr>
      <vt:lpstr>給付（５）</vt:lpstr>
      <vt:lpstr>給付（６）</vt:lpstr>
      <vt:lpstr>給付（７）</vt:lpstr>
      <vt:lpstr>給付（８）</vt:lpstr>
      <vt:lpstr>給付（９）</vt:lpstr>
      <vt:lpstr>'給付 (1)～(4)'!Print_Area</vt:lpstr>
      <vt:lpstr>'給付（５）'!Print_Area</vt:lpstr>
      <vt:lpstr>'給付（６）'!Print_Area</vt:lpstr>
      <vt:lpstr>'給付（７）'!Print_Area</vt:lpstr>
      <vt:lpstr>'給付（８）'!Print_Area</vt:lpstr>
      <vt:lpstr>'給付（９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矢田　純登</cp:lastModifiedBy>
  <cp:lastPrinted>2022-07-21T05:24:20Z</cp:lastPrinted>
  <dcterms:created xsi:type="dcterms:W3CDTF">2022-07-21T04:50:17Z</dcterms:created>
  <dcterms:modified xsi:type="dcterms:W3CDTF">2023-08-23T07:12:01Z</dcterms:modified>
</cp:coreProperties>
</file>